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529"/>
  <workbookPr defaultThemeVersion="166925"/>
  <mc:AlternateContent xmlns:mc="http://schemas.openxmlformats.org/markup-compatibility/2006">
    <mc:Choice Requires="x15">
      <x15ac:absPath xmlns:x15ac="http://schemas.microsoft.com/office/spreadsheetml/2010/11/ac" url="\\TKTCFIL01\Share_TKTC\2023\00_共有\06_部内共有\04_事業計画\◆2022年METI_JAFTAS補助事業\13_WBS⑧業界団体マニュアル\02_各種フォーマット\★更新用ファイル\"/>
    </mc:Choice>
  </mc:AlternateContent>
  <xr:revisionPtr revIDLastSave="0" documentId="13_ncr:1_{F2B1F6FF-B163-439F-B523-DB3C20A633E0}" xr6:coauthVersionLast="47" xr6:coauthVersionMax="47" xr10:uidLastSave="{00000000-0000-0000-0000-000000000000}"/>
  <bookViews>
    <workbookView xWindow="7290" yWindow="600" windowWidth="20925" windowHeight="12930" tabRatio="856" xr2:uid="{00000000-000D-0000-FFFF-FFFF00000000}"/>
  </bookViews>
  <sheets>
    <sheet name="依頼書 " sheetId="10" r:id="rId1"/>
  </sheets>
  <externalReferences>
    <externalReference r:id="rId2"/>
    <externalReference r:id="rId3"/>
    <externalReference r:id="rId4"/>
    <externalReference r:id="rId5"/>
  </externalReferences>
  <definedNames>
    <definedName name="__123Graph_A" localSheetId="0" hidden="1">[1]ENG油洩れ!#REF!</definedName>
    <definedName name="__123Graph_A" hidden="1">[1]ENG油洩れ!#REF!</definedName>
    <definedName name="__123Graph_A状況" localSheetId="0" hidden="1">[1]ENG油洩れ!#REF!</definedName>
    <definedName name="__123Graph_A状況" hidden="1">[1]ENG油洩れ!#REF!</definedName>
    <definedName name="__123Graph_B" localSheetId="0" hidden="1">[2]A!#REF!</definedName>
    <definedName name="__123Graph_B" hidden="1">[2]A!#REF!</definedName>
    <definedName name="__123Graph_X状況" localSheetId="0" hidden="1">[1]ENG油洩れ!#REF!</definedName>
    <definedName name="__123Graph_X状況" hidden="1">[1]ENG油洩れ!#REF!</definedName>
    <definedName name="_Dist_Bin" localSheetId="0" hidden="1">[1]ENG油洩れ!#REF!</definedName>
    <definedName name="_Dist_Bin" hidden="1">[1]ENG油洩れ!#REF!</definedName>
    <definedName name="_Fill" localSheetId="0" hidden="1">#REF!</definedName>
    <definedName name="_Fill" hidden="1">#REF!</definedName>
    <definedName name="_Fill2" localSheetId="0" hidden="1">#REF!</definedName>
    <definedName name="_Fill2" hidden="1">#REF!</definedName>
    <definedName name="_Key1" hidden="1">#REF!</definedName>
    <definedName name="_key2" hidden="1">#REF!</definedName>
    <definedName name="_Order1" hidden="1">255</definedName>
    <definedName name="_Order1_1" hidden="1">0</definedName>
    <definedName name="_Order2" hidden="1">255</definedName>
    <definedName name="_Regression_Out" hidden="1">#REF!</definedName>
    <definedName name="_Regression_X" hidden="1">#REF!</definedName>
    <definedName name="_Regression_Y" hidden="1">#REF!</definedName>
    <definedName name="_Sort" hidden="1">#REF!</definedName>
    <definedName name="_Sort2" hidden="1">#REF!</definedName>
    <definedName name="HTML1_1" hidden="1">"'[年間休日.XLS]Sheet1 '!$B$5:$S$52"</definedName>
    <definedName name="HTML1_10" hidden="1">""</definedName>
    <definedName name="HTML1_11" hidden="1">1</definedName>
    <definedName name="HTML1_12" hidden="1">"H:\5_USERS\9_武\2_労務\4_細野\11.その他\MEE資料\３MyHTML.htm"</definedName>
    <definedName name="HTML1_2" hidden="1">1</definedName>
    <definedName name="HTML1_3" hidden="1">"年間休日.XLS"</definedName>
    <definedName name="HTML1_4" hidden="1">"年間休日"</definedName>
    <definedName name="HTML1_5" hidden="1">"年間休日
年間"</definedName>
    <definedName name="HTML1_6" hidden="1">-4146</definedName>
    <definedName name="HTML1_7" hidden="1">-4146</definedName>
    <definedName name="HTML1_8" hidden="1">""</definedName>
    <definedName name="HTML1_9" hidden="1">""</definedName>
    <definedName name="HTMLCount" hidden="1">1</definedName>
    <definedName name="_xlnm.Print_Area" localSheetId="0">'依頼書 '!$A$1:$K$65</definedName>
    <definedName name="構成品">'依頼書 '!$N$23</definedName>
    <definedName name="新エレキ部品" localSheetId="0" hidden="1">[3]ENG油洩れ!#REF!</definedName>
    <definedName name="新エレキ部品" hidden="1">[3]ENG油洩れ!#REF!</definedName>
    <definedName name="変更概要書" localSheetId="0" hidden="1">[4]ENG油洩れ!#REF!</definedName>
    <definedName name="変更概要書" hidden="1">[4]ENG油洩れ!#REF!</definedName>
    <definedName name="目品比較" localSheetId="0" hidden="1">#REF!</definedName>
    <definedName name="目品比較" hidden="1">#REF!</definedName>
    <definedName name="輸出品">'依頼書 '!$M$23:$M$24</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D55" i="10" l="1" a="1"/>
  <c r="D55" i="10" s="1"/>
  <c r="I2" i="10"/>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123" uniqueCount="105">
  <si>
    <t>御中</t>
    <phoneticPr fontId="1"/>
  </si>
  <si>
    <t>部署名</t>
    <rPh sb="0" eb="2">
      <t>ブショ</t>
    </rPh>
    <rPh sb="2" eb="3">
      <t>メイ</t>
    </rPh>
    <phoneticPr fontId="1"/>
  </si>
  <si>
    <t>電話番号</t>
    <rPh sb="0" eb="2">
      <t>デンワ</t>
    </rPh>
    <rPh sb="2" eb="4">
      <t>バンゴウ</t>
    </rPh>
    <phoneticPr fontId="1"/>
  </si>
  <si>
    <t>メールアドレス</t>
    <phoneticPr fontId="1"/>
  </si>
  <si>
    <t>日メキシコ協定　HS2002</t>
    <rPh sb="0" eb="1">
      <t>ニチ</t>
    </rPh>
    <rPh sb="5" eb="7">
      <t>キョウテイ</t>
    </rPh>
    <phoneticPr fontId="3"/>
  </si>
  <si>
    <t>日マレーシア協定　HS2002</t>
    <rPh sb="0" eb="1">
      <t>ニチ</t>
    </rPh>
    <rPh sb="6" eb="8">
      <t>キョウテイ</t>
    </rPh>
    <phoneticPr fontId="3"/>
  </si>
  <si>
    <t>日チリ協定　HS2002</t>
    <rPh sb="0" eb="1">
      <t>ニチ</t>
    </rPh>
    <rPh sb="3" eb="5">
      <t>キョウテイ</t>
    </rPh>
    <phoneticPr fontId="3"/>
  </si>
  <si>
    <t>日ブルネイ協定　HS2002</t>
    <rPh sb="0" eb="1">
      <t>ニチ</t>
    </rPh>
    <rPh sb="5" eb="7">
      <t>キョウテイ</t>
    </rPh>
    <phoneticPr fontId="3"/>
  </si>
  <si>
    <t>日フィリピン協定　HS2002</t>
    <rPh sb="0" eb="1">
      <t>ニチ</t>
    </rPh>
    <rPh sb="6" eb="8">
      <t>キョウテイ</t>
    </rPh>
    <phoneticPr fontId="3"/>
  </si>
  <si>
    <t>日ベトナム協定　HS2007</t>
    <rPh sb="0" eb="1">
      <t>ニチ</t>
    </rPh>
    <rPh sb="5" eb="7">
      <t>キョウテイ</t>
    </rPh>
    <phoneticPr fontId="3"/>
  </si>
  <si>
    <t>日スイス協定　HS2007</t>
    <rPh sb="0" eb="1">
      <t>ニチ</t>
    </rPh>
    <rPh sb="4" eb="6">
      <t>キョウテイ</t>
    </rPh>
    <phoneticPr fontId="3"/>
  </si>
  <si>
    <t>日インド協定　HS2007</t>
    <rPh sb="0" eb="1">
      <t>ニチ</t>
    </rPh>
    <rPh sb="4" eb="6">
      <t>キョウテイ</t>
    </rPh>
    <phoneticPr fontId="3"/>
  </si>
  <si>
    <t>日ペルー協定　HS2007</t>
    <rPh sb="0" eb="1">
      <t>ニチ</t>
    </rPh>
    <rPh sb="4" eb="6">
      <t>キョウテイ</t>
    </rPh>
    <phoneticPr fontId="3"/>
  </si>
  <si>
    <t>日オーストラリア協定　HS2012</t>
    <rPh sb="0" eb="1">
      <t>ニチ</t>
    </rPh>
    <rPh sb="8" eb="10">
      <t>キョウテイ</t>
    </rPh>
    <phoneticPr fontId="3"/>
  </si>
  <si>
    <t>日モンゴル協定　HS2012</t>
    <rPh sb="0" eb="1">
      <t>ニチ</t>
    </rPh>
    <rPh sb="5" eb="7">
      <t>キョウテイ</t>
    </rPh>
    <phoneticPr fontId="3"/>
  </si>
  <si>
    <t>日EU協定　HS2017</t>
    <rPh sb="0" eb="1">
      <t>ニチ</t>
    </rPh>
    <rPh sb="3" eb="5">
      <t>キョウテイ</t>
    </rPh>
    <phoneticPr fontId="3"/>
  </si>
  <si>
    <t>日米貿易協定　HS2017</t>
    <rPh sb="0" eb="2">
      <t>ニチベイ</t>
    </rPh>
    <rPh sb="2" eb="4">
      <t>ボウエキ</t>
    </rPh>
    <rPh sb="4" eb="6">
      <t>キョウテイ</t>
    </rPh>
    <phoneticPr fontId="3"/>
  </si>
  <si>
    <t>日英協定　HS2017</t>
    <rPh sb="0" eb="1">
      <t>ニチ</t>
    </rPh>
    <rPh sb="1" eb="2">
      <t>エイ</t>
    </rPh>
    <rPh sb="2" eb="5">
      <t>ホウカツテキ</t>
    </rPh>
    <rPh sb="5" eb="7">
      <t>ケイザイ</t>
    </rPh>
    <rPh sb="7" eb="9">
      <t>レンケイ</t>
    </rPh>
    <rPh sb="9" eb="11">
      <t>キョウテイ</t>
    </rPh>
    <phoneticPr fontId="3"/>
  </si>
  <si>
    <t>品番</t>
    <rPh sb="0" eb="2">
      <t>ヒンバン</t>
    </rPh>
    <phoneticPr fontId="2"/>
  </si>
  <si>
    <t>品名（英名）</t>
    <rPh sb="0" eb="2">
      <t>ヒンメイ</t>
    </rPh>
    <rPh sb="3" eb="5">
      <t>エイメイ</t>
    </rPh>
    <phoneticPr fontId="2"/>
  </si>
  <si>
    <t>品名（日）</t>
    <rPh sb="0" eb="2">
      <t>ヒンメイ</t>
    </rPh>
    <rPh sb="3" eb="4">
      <t>ニチ</t>
    </rPh>
    <phoneticPr fontId="2"/>
  </si>
  <si>
    <t>輸入通関国</t>
    <rPh sb="0" eb="2">
      <t>ユニュウ</t>
    </rPh>
    <rPh sb="2" eb="4">
      <t>ツウカン</t>
    </rPh>
    <rPh sb="4" eb="5">
      <t>コク</t>
    </rPh>
    <phoneticPr fontId="1"/>
  </si>
  <si>
    <t>CTCの場合</t>
    <rPh sb="4" eb="6">
      <t>バアイ</t>
    </rPh>
    <phoneticPr fontId="1"/>
  </si>
  <si>
    <t>and / or</t>
    <phoneticPr fontId="1"/>
  </si>
  <si>
    <t>VAの場合</t>
    <rPh sb="3" eb="5">
      <t>バアイ</t>
    </rPh>
    <phoneticPr fontId="1"/>
  </si>
  <si>
    <t>希望回答期限</t>
    <rPh sb="0" eb="2">
      <t>キボウ</t>
    </rPh>
    <rPh sb="2" eb="4">
      <t>カイトウ</t>
    </rPh>
    <rPh sb="4" eb="6">
      <t>キゲン</t>
    </rPh>
    <phoneticPr fontId="1"/>
  </si>
  <si>
    <t>回答年月日</t>
    <rPh sb="0" eb="2">
      <t>カイトウ</t>
    </rPh>
    <rPh sb="2" eb="5">
      <t>ネンガッピ</t>
    </rPh>
    <phoneticPr fontId="1"/>
  </si>
  <si>
    <t>会社名</t>
    <rPh sb="0" eb="3">
      <t>カイシャメイ</t>
    </rPh>
    <phoneticPr fontId="2"/>
  </si>
  <si>
    <t>住所</t>
    <rPh sb="0" eb="2">
      <t>ジュウショ</t>
    </rPh>
    <phoneticPr fontId="2"/>
  </si>
  <si>
    <t>②調査対象品情報</t>
    <rPh sb="1" eb="3">
      <t>チョウサ</t>
    </rPh>
    <rPh sb="3" eb="5">
      <t>タイショウ</t>
    </rPh>
    <rPh sb="5" eb="6">
      <t>ヒン</t>
    </rPh>
    <rPh sb="6" eb="8">
      <t>ジョウホウ</t>
    </rPh>
    <phoneticPr fontId="1"/>
  </si>
  <si>
    <t>貴社管理の品名品番　（任意）</t>
    <rPh sb="0" eb="2">
      <t>キシャ</t>
    </rPh>
    <rPh sb="2" eb="4">
      <t>カンリ</t>
    </rPh>
    <rPh sb="5" eb="7">
      <t>ヒンメイ</t>
    </rPh>
    <rPh sb="11" eb="13">
      <t>ニンイ</t>
    </rPh>
    <phoneticPr fontId="2"/>
  </si>
  <si>
    <t>品番</t>
    <rPh sb="0" eb="2">
      <t>ヒンバン</t>
    </rPh>
    <phoneticPr fontId="1"/>
  </si>
  <si>
    <t>生産工場名</t>
    <rPh sb="0" eb="2">
      <t>セイサン</t>
    </rPh>
    <rPh sb="2" eb="4">
      <t>コウジョウ</t>
    </rPh>
    <rPh sb="4" eb="5">
      <t>メイ</t>
    </rPh>
    <phoneticPr fontId="2"/>
  </si>
  <si>
    <t>生産場所　住所</t>
    <rPh sb="0" eb="2">
      <t>セイサン</t>
    </rPh>
    <rPh sb="2" eb="4">
      <t>バショ</t>
    </rPh>
    <rPh sb="5" eb="7">
      <t>ジュウショ</t>
    </rPh>
    <phoneticPr fontId="2"/>
  </si>
  <si>
    <t>③調査結果</t>
    <rPh sb="1" eb="3">
      <t>チョウサ</t>
    </rPh>
    <rPh sb="3" eb="5">
      <t>ケッカ</t>
    </rPh>
    <phoneticPr fontId="1"/>
  </si>
  <si>
    <t>備考</t>
    <rPh sb="0" eb="2">
      <t>ビコウ</t>
    </rPh>
    <phoneticPr fontId="2"/>
  </si>
  <si>
    <t>備考（品目別原産地規則の選択肢にない場合のみ入力）</t>
    <rPh sb="0" eb="2">
      <t>ビコウ</t>
    </rPh>
    <rPh sb="3" eb="5">
      <t>ヒンモク</t>
    </rPh>
    <rPh sb="5" eb="6">
      <t>ベツ</t>
    </rPh>
    <rPh sb="6" eb="9">
      <t>ゲンサンチ</t>
    </rPh>
    <rPh sb="9" eb="11">
      <t>キソク</t>
    </rPh>
    <rPh sb="12" eb="15">
      <t>センタクシ</t>
    </rPh>
    <rPh sb="18" eb="20">
      <t>バアイ</t>
    </rPh>
    <rPh sb="22" eb="24">
      <t>ニュウリョク</t>
    </rPh>
    <phoneticPr fontId="2"/>
  </si>
  <si>
    <t>救済規定</t>
    <rPh sb="0" eb="4">
      <t>キュウサイキテイ</t>
    </rPh>
    <phoneticPr fontId="2"/>
  </si>
  <si>
    <t>同意通知期限</t>
    <rPh sb="0" eb="2">
      <t>ドウイ</t>
    </rPh>
    <rPh sb="2" eb="4">
      <t>ツウチ</t>
    </rPh>
    <rPh sb="4" eb="6">
      <t>キゲン</t>
    </rPh>
    <phoneticPr fontId="1"/>
  </si>
  <si>
    <t>管理No.（任意）</t>
    <rPh sb="0" eb="2">
      <t>カンリ</t>
    </rPh>
    <rPh sb="6" eb="8">
      <t>ニンイ</t>
    </rPh>
    <phoneticPr fontId="1"/>
  </si>
  <si>
    <t>有効期限（任意）</t>
    <rPh sb="0" eb="2">
      <t>ユウコウ</t>
    </rPh>
    <rPh sb="2" eb="4">
      <t>キゲン</t>
    </rPh>
    <rPh sb="5" eb="7">
      <t>ニンイ</t>
    </rPh>
    <phoneticPr fontId="1"/>
  </si>
  <si>
    <t>■関連資料の保管</t>
    <rPh sb="1" eb="3">
      <t>カンレン</t>
    </rPh>
    <rPh sb="3" eb="5">
      <t>シリョウ</t>
    </rPh>
    <rPh sb="6" eb="8">
      <t>ホカン</t>
    </rPh>
    <phoneticPr fontId="1"/>
  </si>
  <si>
    <t>調査に使用した全ての関連資料の保管をお願いします。</t>
    <rPh sb="0" eb="2">
      <t>チョウサ</t>
    </rPh>
    <rPh sb="3" eb="5">
      <t>シヨウ</t>
    </rPh>
    <rPh sb="7" eb="8">
      <t>スベ</t>
    </rPh>
    <rPh sb="10" eb="12">
      <t>カンレン</t>
    </rPh>
    <rPh sb="12" eb="14">
      <t>シリョウ</t>
    </rPh>
    <rPh sb="15" eb="17">
      <t>ホカン</t>
    </rPh>
    <phoneticPr fontId="1"/>
  </si>
  <si>
    <t>保管期間※</t>
    <rPh sb="0" eb="2">
      <t>ホカン</t>
    </rPh>
    <rPh sb="2" eb="4">
      <t>キカン</t>
    </rPh>
    <phoneticPr fontId="1"/>
  </si>
  <si>
    <t>■変更が生じる場合のご連絡</t>
    <rPh sb="1" eb="3">
      <t>ヘンコウ</t>
    </rPh>
    <rPh sb="4" eb="5">
      <t>ショウ</t>
    </rPh>
    <rPh sb="7" eb="9">
      <t>バアイ</t>
    </rPh>
    <rPh sb="11" eb="13">
      <t>レンラク</t>
    </rPh>
    <phoneticPr fontId="1"/>
  </si>
  <si>
    <t>　調査に使用した情報や資料の内容について変更が生じる場合は速やかにご連絡ください。</t>
    <rPh sb="1" eb="3">
      <t>チョウサ</t>
    </rPh>
    <rPh sb="4" eb="6">
      <t>シヨウ</t>
    </rPh>
    <rPh sb="8" eb="10">
      <t>ジョウホウ</t>
    </rPh>
    <rPh sb="11" eb="13">
      <t>シリョウ</t>
    </rPh>
    <phoneticPr fontId="1"/>
  </si>
  <si>
    <t>主な変更事項</t>
    <rPh sb="0" eb="1">
      <t>オモ</t>
    </rPh>
    <rPh sb="2" eb="4">
      <t>ヘンコウ</t>
    </rPh>
    <rPh sb="4" eb="6">
      <t>ジコウ</t>
    </rPh>
    <phoneticPr fontId="1"/>
  </si>
  <si>
    <t>　・生産者（社名変更含む）
　・生産場所
　・生産に使用する材料</t>
    <rPh sb="2" eb="5">
      <t>セイサンシャ</t>
    </rPh>
    <rPh sb="6" eb="8">
      <t>シャメイ</t>
    </rPh>
    <rPh sb="8" eb="10">
      <t>ヘンコウ</t>
    </rPh>
    <rPh sb="10" eb="11">
      <t>フク</t>
    </rPh>
    <rPh sb="16" eb="18">
      <t>セイサン</t>
    </rPh>
    <rPh sb="18" eb="20">
      <t>バショ</t>
    </rPh>
    <rPh sb="23" eb="25">
      <t>セイサン</t>
    </rPh>
    <rPh sb="26" eb="28">
      <t>シヨウ</t>
    </rPh>
    <rPh sb="30" eb="32">
      <t>ザイリョウ</t>
    </rPh>
    <phoneticPr fontId="1"/>
  </si>
  <si>
    <t>■輸入国税関による事後確認（検認）への対応</t>
    <rPh sb="1" eb="3">
      <t>ユニュウ</t>
    </rPh>
    <rPh sb="3" eb="4">
      <t>コク</t>
    </rPh>
    <rPh sb="4" eb="6">
      <t>ゼイカン</t>
    </rPh>
    <rPh sb="9" eb="11">
      <t>ジゴ</t>
    </rPh>
    <rPh sb="11" eb="13">
      <t>カクニン</t>
    </rPh>
    <rPh sb="14" eb="16">
      <t>ケンニン</t>
    </rPh>
    <rPh sb="19" eb="21">
      <t>タイオウ</t>
    </rPh>
    <phoneticPr fontId="1"/>
  </si>
  <si>
    <t>　事後確認（検認）を受けた際には、今回の調査関連資料をご提出頂く可能性があります。尚、社外へ開示できない情報が含まれる</t>
    <rPh sb="1" eb="3">
      <t>ジゴ</t>
    </rPh>
    <rPh sb="3" eb="5">
      <t>カクニン</t>
    </rPh>
    <rPh sb="6" eb="8">
      <t>ケンニン</t>
    </rPh>
    <rPh sb="10" eb="11">
      <t>ウ</t>
    </rPh>
    <rPh sb="13" eb="14">
      <t>サイ</t>
    </rPh>
    <rPh sb="17" eb="19">
      <t>コンカイ</t>
    </rPh>
    <rPh sb="20" eb="22">
      <t>チョウサ</t>
    </rPh>
    <rPh sb="22" eb="24">
      <t>カンレン</t>
    </rPh>
    <rPh sb="32" eb="35">
      <t>カノウセイ</t>
    </rPh>
    <rPh sb="43" eb="45">
      <t>シャガイ</t>
    </rPh>
    <phoneticPr fontId="1"/>
  </si>
  <si>
    <t>　場合には、直接輸入国税関/輸出国当局への提出が可能です。ご協力の程よろしくお願いいたします。</t>
    <phoneticPr fontId="1"/>
  </si>
  <si>
    <t>EPA原産資格調査に関するご協力のお願い</t>
    <phoneticPr fontId="1"/>
  </si>
  <si>
    <t>依頼日：</t>
    <rPh sb="0" eb="2">
      <t>イライ</t>
    </rPh>
    <rPh sb="2" eb="3">
      <t>ヒ</t>
    </rPh>
    <phoneticPr fontId="1"/>
  </si>
  <si>
    <t>依頼企業名：</t>
    <rPh sb="0" eb="2">
      <t>イライ</t>
    </rPh>
    <rPh sb="2" eb="4">
      <t>キギョウ</t>
    </rPh>
    <rPh sb="4" eb="5">
      <t>メイ</t>
    </rPh>
    <phoneticPr fontId="1"/>
  </si>
  <si>
    <t>担当者部署名：</t>
    <rPh sb="0" eb="3">
      <t>タントウシャ</t>
    </rPh>
    <rPh sb="3" eb="5">
      <t>ブショ</t>
    </rPh>
    <rPh sb="5" eb="6">
      <t>メイ</t>
    </rPh>
    <phoneticPr fontId="1"/>
  </si>
  <si>
    <t>担当者名：</t>
    <rPh sb="0" eb="3">
      <t>タントウシャ</t>
    </rPh>
    <rPh sb="3" eb="4">
      <t>メイ</t>
    </rPh>
    <phoneticPr fontId="1"/>
  </si>
  <si>
    <t>依頼書No.：</t>
    <rPh sb="0" eb="2">
      <t>イライ</t>
    </rPh>
    <rPh sb="2" eb="3">
      <t>ショ</t>
    </rPh>
    <phoneticPr fontId="1"/>
  </si>
  <si>
    <t>平素は大変お世話になり、ありがとうございます。</t>
    <rPh sb="3" eb="5">
      <t>タイヘン</t>
    </rPh>
    <rPh sb="6" eb="8">
      <t>セワ</t>
    </rPh>
    <phoneticPr fontId="1"/>
  </si>
  <si>
    <t>（1）に記載の産品につき、EPAを利用するための原産資格調査を実施いただけますようお願い申し上げます。</t>
    <rPh sb="4" eb="6">
      <t>キサイ</t>
    </rPh>
    <rPh sb="7" eb="9">
      <t>サンピン</t>
    </rPh>
    <rPh sb="17" eb="19">
      <t>リヨウ</t>
    </rPh>
    <rPh sb="24" eb="30">
      <t>ゲンサンシカクチョウサ</t>
    </rPh>
    <rPh sb="31" eb="33">
      <t>ジッシ</t>
    </rPh>
    <rPh sb="42" eb="43">
      <t>ネガ</t>
    </rPh>
    <rPh sb="44" eb="45">
      <t>モウ</t>
    </rPh>
    <rPh sb="46" eb="47">
      <t>ア</t>
    </rPh>
    <phoneticPr fontId="1"/>
  </si>
  <si>
    <t>（2）回答事項【入力：お取引先様】</t>
    <rPh sb="3" eb="5">
      <t>カイトウ</t>
    </rPh>
    <rPh sb="5" eb="7">
      <t>ジコウ</t>
    </rPh>
    <rPh sb="8" eb="10">
      <t>ニュウリョク</t>
    </rPh>
    <rPh sb="12" eb="14">
      <t>トリヒキ</t>
    </rPh>
    <rPh sb="14" eb="15">
      <t>サキ</t>
    </rPh>
    <rPh sb="15" eb="16">
      <t>サマ</t>
    </rPh>
    <phoneticPr fontId="1"/>
  </si>
  <si>
    <t>（1）依頼事項</t>
    <rPh sb="3" eb="5">
      <t>イライ</t>
    </rPh>
    <rPh sb="5" eb="7">
      <t>ジコウ</t>
    </rPh>
    <phoneticPr fontId="1"/>
  </si>
  <si>
    <t>協定名
協定年次版HSコード
【選択】</t>
    <rPh sb="0" eb="2">
      <t>キョウテイ</t>
    </rPh>
    <rPh sb="2" eb="3">
      <t>メイ</t>
    </rPh>
    <rPh sb="4" eb="6">
      <t>キョウテイ</t>
    </rPh>
    <rPh sb="6" eb="8">
      <t>ネンジ</t>
    </rPh>
    <rPh sb="8" eb="9">
      <t>バン</t>
    </rPh>
    <phoneticPr fontId="3"/>
  </si>
  <si>
    <t>調査区分 【選択】</t>
    <rPh sb="0" eb="4">
      <t>チョウサクブン</t>
    </rPh>
    <phoneticPr fontId="2"/>
  </si>
  <si>
    <t>事前教示有無 【選択】</t>
    <rPh sb="0" eb="2">
      <t>ジゼン</t>
    </rPh>
    <rPh sb="2" eb="4">
      <t>キョウジ</t>
    </rPh>
    <rPh sb="4" eb="6">
      <t>ウム</t>
    </rPh>
    <phoneticPr fontId="3"/>
  </si>
  <si>
    <t>品目別原産地規則 【選択】</t>
    <rPh sb="0" eb="8">
      <t>ヒンモクベツゲンサンチキソク</t>
    </rPh>
    <phoneticPr fontId="3"/>
  </si>
  <si>
    <t>荷姿 【選択】</t>
    <rPh sb="0" eb="2">
      <t>ニスガタ</t>
    </rPh>
    <rPh sb="4" eb="6">
      <t>センタク</t>
    </rPh>
    <phoneticPr fontId="3"/>
  </si>
  <si>
    <t>希望回答方法 【選択】</t>
    <rPh sb="0" eb="2">
      <t>キボウ</t>
    </rPh>
    <rPh sb="2" eb="4">
      <t>カイトウ</t>
    </rPh>
    <rPh sb="4" eb="6">
      <t>ホウホウ</t>
    </rPh>
    <rPh sb="8" eb="10">
      <t>センタク</t>
    </rPh>
    <phoneticPr fontId="2"/>
  </si>
  <si>
    <t>①回答日・回答者情報</t>
    <phoneticPr fontId="1"/>
  </si>
  <si>
    <t>判定結果【選択】</t>
    <rPh sb="0" eb="2">
      <t>ハンテイ</t>
    </rPh>
    <rPh sb="2" eb="4">
      <t>ケッカ</t>
    </rPh>
    <phoneticPr fontId="2"/>
  </si>
  <si>
    <t>非原産の場合、その理由【選択】</t>
    <rPh sb="0" eb="1">
      <t>ヒ</t>
    </rPh>
    <rPh sb="1" eb="3">
      <t>ゲンサン</t>
    </rPh>
    <rPh sb="4" eb="6">
      <t>バアイ</t>
    </rPh>
    <rPh sb="9" eb="11">
      <t>リユウ</t>
    </rPh>
    <rPh sb="12" eb="14">
      <t>センタク</t>
    </rPh>
    <phoneticPr fontId="2"/>
  </si>
  <si>
    <t>適用した品目別原産地規則【選択】</t>
    <rPh sb="0" eb="2">
      <t>テキヨウ</t>
    </rPh>
    <rPh sb="4" eb="12">
      <t>ヒンモクベツゲンサンチキソク</t>
    </rPh>
    <phoneticPr fontId="3"/>
  </si>
  <si>
    <t>判定番号</t>
    <phoneticPr fontId="1"/>
  </si>
  <si>
    <t>担当者名</t>
    <rPh sb="0" eb="3">
      <t>タントウシャ</t>
    </rPh>
    <rPh sb="3" eb="4">
      <t>メイ</t>
    </rPh>
    <phoneticPr fontId="1"/>
  </si>
  <si>
    <t>生産者名</t>
    <rPh sb="0" eb="2">
      <t>セイサン</t>
    </rPh>
    <rPh sb="2" eb="3">
      <t>シャ</t>
    </rPh>
    <rPh sb="3" eb="4">
      <t>メイ</t>
    </rPh>
    <phoneticPr fontId="2"/>
  </si>
  <si>
    <t>本件に関する問合せ先：</t>
    <rPh sb="0" eb="2">
      <t>ホンケン</t>
    </rPh>
    <rPh sb="3" eb="4">
      <t>カン</t>
    </rPh>
    <rPh sb="6" eb="8">
      <t>トイアワ</t>
    </rPh>
    <rPh sb="9" eb="10">
      <t>サキ</t>
    </rPh>
    <phoneticPr fontId="1"/>
  </si>
  <si>
    <r>
      <t xml:space="preserve">備考
</t>
    </r>
    <r>
      <rPr>
        <sz val="10"/>
        <rFont val="Meiryo UI"/>
        <family val="3"/>
        <charset val="128"/>
      </rPr>
      <t>（除外規定などあれば記入）</t>
    </r>
    <rPh sb="0" eb="2">
      <t>ビコウ</t>
    </rPh>
    <rPh sb="4" eb="6">
      <t>ジョガイ</t>
    </rPh>
    <rPh sb="6" eb="8">
      <t>キテイ</t>
    </rPh>
    <rPh sb="13" eb="15">
      <t>キニュウ</t>
    </rPh>
    <phoneticPr fontId="1"/>
  </si>
  <si>
    <t>HSコード※1</t>
    <phoneticPr fontId="1"/>
  </si>
  <si>
    <t>同意通知の場合※2</t>
    <rPh sb="0" eb="2">
      <t>ドウイ</t>
    </rPh>
    <rPh sb="2" eb="4">
      <t>ツウチ</t>
    </rPh>
    <rPh sb="5" eb="7">
      <t>バアイ</t>
    </rPh>
    <phoneticPr fontId="3"/>
  </si>
  <si>
    <t>サプライヤー証明書の場合※2</t>
    <rPh sb="6" eb="9">
      <t>ショウメイショ</t>
    </rPh>
    <rPh sb="10" eb="12">
      <t>バアイ</t>
    </rPh>
    <phoneticPr fontId="3"/>
  </si>
  <si>
    <t>※1：自社で把握しているHSコードが、（1）に記載の
依頼者のコードと異なる場合には、調査前に必ず依頼者へ
連絡してください</t>
    <rPh sb="3" eb="5">
      <t>ジシャ</t>
    </rPh>
    <rPh sb="6" eb="8">
      <t>ハアク</t>
    </rPh>
    <rPh sb="23" eb="25">
      <t>キサイ</t>
    </rPh>
    <rPh sb="27" eb="29">
      <t>イライ</t>
    </rPh>
    <rPh sb="29" eb="30">
      <t>シャ</t>
    </rPh>
    <rPh sb="35" eb="36">
      <t>コト</t>
    </rPh>
    <rPh sb="38" eb="40">
      <t>バアイ</t>
    </rPh>
    <rPh sb="43" eb="45">
      <t>チョウサ</t>
    </rPh>
    <rPh sb="45" eb="46">
      <t>マエ</t>
    </rPh>
    <rPh sb="47" eb="48">
      <t>カナラ</t>
    </rPh>
    <rPh sb="49" eb="51">
      <t>イライ</t>
    </rPh>
    <rPh sb="51" eb="52">
      <t>シャ</t>
    </rPh>
    <rPh sb="54" eb="56">
      <t>レンラク</t>
    </rPh>
    <phoneticPr fontId="1"/>
  </si>
  <si>
    <t>※2：調査結果が「非原産」の場合は不要</t>
    <rPh sb="3" eb="7">
      <t>チョウサケッカ</t>
    </rPh>
    <rPh sb="9" eb="10">
      <t>ヒ</t>
    </rPh>
    <rPh sb="10" eb="12">
      <t>ゲンサン</t>
    </rPh>
    <rPh sb="14" eb="16">
      <t>バアイ</t>
    </rPh>
    <rPh sb="17" eb="19">
      <t>フヨウ</t>
    </rPh>
    <phoneticPr fontId="1"/>
  </si>
  <si>
    <t>HSコード（協定年次6桁）</t>
    <rPh sb="6" eb="8">
      <t>キョウテイ</t>
    </rPh>
    <rPh sb="8" eb="10">
      <t>ネンジ</t>
    </rPh>
    <rPh sb="11" eb="12">
      <t>ケタ</t>
    </rPh>
    <phoneticPr fontId="2"/>
  </si>
  <si>
    <t>同意通知</t>
    <rPh sb="0" eb="4">
      <t>ドウイツウチ</t>
    </rPh>
    <phoneticPr fontId="1"/>
  </si>
  <si>
    <t>日シンガポール協定　HS2002</t>
    <rPh sb="0" eb="1">
      <t>ニチ</t>
    </rPh>
    <rPh sb="7" eb="9">
      <t>キョウテイ</t>
    </rPh>
    <phoneticPr fontId="3"/>
  </si>
  <si>
    <t>日タイ協定　HS2017</t>
    <rPh sb="0" eb="1">
      <t>ニチ</t>
    </rPh>
    <rPh sb="3" eb="5">
      <t>キョウテイ</t>
    </rPh>
    <phoneticPr fontId="3"/>
  </si>
  <si>
    <t>サプライヤー証明書（輸出品）</t>
    <rPh sb="6" eb="9">
      <t>ショウメイショ</t>
    </rPh>
    <rPh sb="10" eb="12">
      <t>ユシュツ</t>
    </rPh>
    <rPh sb="12" eb="13">
      <t>ヒン</t>
    </rPh>
    <phoneticPr fontId="1"/>
  </si>
  <si>
    <t>サプライヤー証明書（構成品）</t>
    <rPh sb="6" eb="9">
      <t>ショウメイショ</t>
    </rPh>
    <rPh sb="10" eb="12">
      <t>コウセイ</t>
    </rPh>
    <rPh sb="12" eb="13">
      <t>ヒン</t>
    </rPh>
    <phoneticPr fontId="1"/>
  </si>
  <si>
    <t>調査結果を「原産」と回答した場合には、調査終了後も以下のご対応をお願いします。</t>
    <rPh sb="0" eb="2">
      <t>チョウサ</t>
    </rPh>
    <rPh sb="2" eb="4">
      <t>ケッカ</t>
    </rPh>
    <rPh sb="6" eb="8">
      <t>ゲンサン</t>
    </rPh>
    <rPh sb="10" eb="12">
      <t>カイトウ</t>
    </rPh>
    <rPh sb="14" eb="16">
      <t>バアイ</t>
    </rPh>
    <rPh sb="19" eb="21">
      <t>チョウサ</t>
    </rPh>
    <rPh sb="21" eb="24">
      <t>シュウリョウゴ</t>
    </rPh>
    <rPh sb="25" eb="27">
      <t>イカ</t>
    </rPh>
    <rPh sb="29" eb="31">
      <t>タイオウ</t>
    </rPh>
    <rPh sb="33" eb="34">
      <t>ネガ</t>
    </rPh>
    <phoneticPr fontId="1"/>
  </si>
  <si>
    <t>RCEP　HS2022</t>
    <phoneticPr fontId="3"/>
  </si>
  <si>
    <t>・加工方法
・材料価格変動による価格内訳の変更(VAの場合)
・為替変動による価格内訳の変更(VAの場合)</t>
    <rPh sb="27" eb="29">
      <t>バアイ</t>
    </rPh>
    <phoneticPr fontId="1"/>
  </si>
  <si>
    <t xml:space="preserve">※原産地証明書の発給日（またはその翌日）を起算日とする
</t>
    <phoneticPr fontId="1"/>
  </si>
  <si>
    <t>日インドネシア協定　HS2017</t>
    <rPh sb="0" eb="1">
      <t>ニチ</t>
    </rPh>
    <rPh sb="7" eb="9">
      <t>キョウテイ</t>
    </rPh>
    <phoneticPr fontId="3"/>
  </si>
  <si>
    <t>CPTPP(TPP11)　HS2012</t>
    <phoneticPr fontId="3"/>
  </si>
  <si>
    <t>希望回答方法が「同意通知」の場合</t>
    <phoneticPr fontId="1"/>
  </si>
  <si>
    <t>同意通知先 企業名</t>
    <phoneticPr fontId="1"/>
  </si>
  <si>
    <t>日商企業登録番号</t>
    <phoneticPr fontId="1"/>
  </si>
  <si>
    <t>日商過去判定番号
（任意）</t>
    <phoneticPr fontId="1"/>
  </si>
  <si>
    <t>部署名</t>
    <phoneticPr fontId="1"/>
  </si>
  <si>
    <t>氏名</t>
    <phoneticPr fontId="1"/>
  </si>
  <si>
    <t>電話番号</t>
    <phoneticPr fontId="1"/>
  </si>
  <si>
    <t>日アセアン協定　HS2017</t>
    <rPh sb="0" eb="1">
      <t>ニチ</t>
    </rPh>
    <rPh sb="5" eb="7">
      <t>キョウテイ</t>
    </rPh>
    <phoneticPr fontId="3"/>
  </si>
  <si>
    <t>5年</t>
    <rPh sb="1" eb="2">
      <t>ネン</t>
    </rPh>
    <phoneticPr fontId="1"/>
  </si>
  <si>
    <t>3年</t>
    <rPh sb="1" eb="2">
      <t>ネン</t>
    </rPh>
    <phoneticPr fontId="1"/>
  </si>
  <si>
    <t>4年</t>
    <rPh sb="1" eb="2">
      <t>ネン</t>
    </rPh>
    <phoneticPr fontId="1"/>
  </si>
  <si>
    <t>-</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F800]dddd\,\ mmmm\ dd\,\ yyyy"/>
  </numFmts>
  <fonts count="21" x14ac:knownFonts="1">
    <font>
      <sz val="11"/>
      <color theme="1"/>
      <name val="游ゴシック"/>
      <family val="2"/>
      <charset val="128"/>
      <scheme val="minor"/>
    </font>
    <font>
      <sz val="6"/>
      <name val="游ゴシック"/>
      <family val="2"/>
      <charset val="128"/>
      <scheme val="minor"/>
    </font>
    <font>
      <sz val="11"/>
      <name val="ＭＳ Ｐゴシック"/>
      <family val="3"/>
      <charset val="128"/>
    </font>
    <font>
      <sz val="6"/>
      <name val="ＭＳ Ｐゴシック"/>
      <family val="3"/>
      <charset val="128"/>
    </font>
    <font>
      <sz val="11"/>
      <color theme="1"/>
      <name val="游ゴシック"/>
      <family val="3"/>
      <charset val="128"/>
      <scheme val="minor"/>
    </font>
    <font>
      <sz val="11"/>
      <color theme="1"/>
      <name val="游ゴシック"/>
      <family val="2"/>
      <scheme val="minor"/>
    </font>
    <font>
      <sz val="10"/>
      <color theme="1"/>
      <name val="Tahoma"/>
      <family val="2"/>
    </font>
    <font>
      <u/>
      <sz val="11"/>
      <color theme="10"/>
      <name val="ＭＳ Ｐゴシック"/>
      <family val="3"/>
      <charset val="128"/>
    </font>
    <font>
      <sz val="11"/>
      <color theme="1"/>
      <name val="Meiryo UI"/>
      <family val="3"/>
      <charset val="128"/>
    </font>
    <font>
      <sz val="12"/>
      <color theme="1"/>
      <name val="Meiryo UI"/>
      <family val="3"/>
      <charset val="128"/>
    </font>
    <font>
      <b/>
      <sz val="14"/>
      <color theme="1"/>
      <name val="Meiryo UI"/>
      <family val="3"/>
      <charset val="128"/>
    </font>
    <font>
      <sz val="11"/>
      <name val="Meiryo UI"/>
      <family val="3"/>
      <charset val="128"/>
    </font>
    <font>
      <b/>
      <sz val="12"/>
      <color theme="1"/>
      <name val="Meiryo UI"/>
      <family val="3"/>
      <charset val="128"/>
    </font>
    <font>
      <sz val="12"/>
      <name val="Meiryo UI"/>
      <family val="3"/>
      <charset val="128"/>
    </font>
    <font>
      <sz val="10"/>
      <name val="Meiryo UI"/>
      <family val="3"/>
      <charset val="128"/>
    </font>
    <font>
      <b/>
      <sz val="12"/>
      <name val="Meiryo UI"/>
      <family val="3"/>
      <charset val="128"/>
    </font>
    <font>
      <b/>
      <sz val="18"/>
      <color theme="1"/>
      <name val="Meiryo UI"/>
      <family val="3"/>
      <charset val="128"/>
    </font>
    <font>
      <sz val="10"/>
      <color theme="1"/>
      <name val="Meiryo UI"/>
      <family val="3"/>
      <charset val="128"/>
    </font>
    <font>
      <sz val="11"/>
      <color rgb="FFFF0000"/>
      <name val="Meiryo UI"/>
      <family val="3"/>
      <charset val="128"/>
    </font>
    <font>
      <u/>
      <sz val="11"/>
      <color theme="10"/>
      <name val="游ゴシック"/>
      <family val="2"/>
      <charset val="128"/>
      <scheme val="minor"/>
    </font>
    <font>
      <u/>
      <sz val="11"/>
      <color theme="10"/>
      <name val="Meiryo UI"/>
      <family val="3"/>
      <charset val="128"/>
    </font>
  </fonts>
  <fills count="4">
    <fill>
      <patternFill patternType="none"/>
    </fill>
    <fill>
      <patternFill patternType="gray125"/>
    </fill>
    <fill>
      <patternFill patternType="solid">
        <fgColor theme="0"/>
        <bgColor indexed="64"/>
      </patternFill>
    </fill>
    <fill>
      <patternFill patternType="solid">
        <fgColor theme="2"/>
        <bgColor indexed="64"/>
      </patternFill>
    </fill>
  </fills>
  <borders count="4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dotted">
        <color indexed="64"/>
      </right>
      <top style="thin">
        <color indexed="64"/>
      </top>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dotted">
        <color indexed="64"/>
      </left>
      <right/>
      <top style="thin">
        <color indexed="64"/>
      </top>
      <bottom/>
      <diagonal/>
    </border>
    <border>
      <left style="dotted">
        <color indexed="64"/>
      </left>
      <right/>
      <top/>
      <bottom/>
      <diagonal/>
    </border>
    <border>
      <left style="dotted">
        <color indexed="64"/>
      </left>
      <right/>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hair">
        <color indexed="64"/>
      </right>
      <top style="thin">
        <color indexed="64"/>
      </top>
      <bottom style="thin">
        <color indexed="64"/>
      </bottom>
      <diagonal/>
    </border>
    <border>
      <left/>
      <right/>
      <top style="thin">
        <color indexed="64"/>
      </top>
      <bottom style="hair">
        <color indexed="64"/>
      </bottom>
      <diagonal/>
    </border>
    <border>
      <left/>
      <right/>
      <top/>
      <bottom style="dashed">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hair">
        <color indexed="64"/>
      </right>
      <top/>
      <bottom style="hair">
        <color indexed="64"/>
      </bottom>
      <diagonal/>
    </border>
    <border>
      <left style="hair">
        <color indexed="64"/>
      </left>
      <right style="thin">
        <color indexed="64"/>
      </right>
      <top/>
      <bottom style="hair">
        <color indexed="64"/>
      </bottom>
      <diagonal/>
    </border>
  </borders>
  <cellStyleXfs count="9">
    <xf numFmtId="0" fontId="0" fillId="0" borderId="0">
      <alignment vertical="center"/>
    </xf>
    <xf numFmtId="0" fontId="2" fillId="0" borderId="0"/>
    <xf numFmtId="0" fontId="4" fillId="0" borderId="0">
      <alignment vertical="center"/>
    </xf>
    <xf numFmtId="0" fontId="5" fillId="0" borderId="0"/>
    <xf numFmtId="0" fontId="6" fillId="0" borderId="0"/>
    <xf numFmtId="0" fontId="7" fillId="0" borderId="0" applyNumberFormat="0" applyFill="0" applyBorder="0" applyAlignment="0" applyProtection="0">
      <alignment vertical="center"/>
    </xf>
    <xf numFmtId="9" fontId="2" fillId="0" borderId="0" applyFont="0" applyFill="0" applyBorder="0" applyAlignment="0" applyProtection="0"/>
    <xf numFmtId="38" fontId="2" fillId="0" borderId="0" applyFont="0" applyFill="0" applyBorder="0" applyAlignment="0" applyProtection="0"/>
    <xf numFmtId="0" fontId="19" fillId="0" borderId="0" applyNumberFormat="0" applyFill="0" applyBorder="0" applyAlignment="0" applyProtection="0">
      <alignment vertical="center"/>
    </xf>
  </cellStyleXfs>
  <cellXfs count="129">
    <xf numFmtId="0" fontId="0" fillId="0" borderId="0" xfId="0">
      <alignment vertical="center"/>
    </xf>
    <xf numFmtId="0" fontId="8" fillId="0" borderId="0" xfId="0" applyFont="1" applyProtection="1">
      <alignment vertical="center"/>
      <protection locked="0"/>
    </xf>
    <xf numFmtId="0" fontId="9" fillId="0" borderId="0" xfId="0" applyFont="1" applyProtection="1">
      <alignment vertical="center"/>
      <protection locked="0"/>
    </xf>
    <xf numFmtId="0" fontId="13" fillId="2" borderId="17" xfId="0" applyFont="1" applyFill="1" applyBorder="1" applyAlignment="1" applyProtection="1">
      <alignment horizontal="center" vertical="center"/>
      <protection locked="0"/>
    </xf>
    <xf numFmtId="0" fontId="13" fillId="2" borderId="11" xfId="0" applyFont="1" applyFill="1" applyBorder="1" applyAlignment="1" applyProtection="1">
      <alignment horizontal="center" vertical="center" shrinkToFit="1"/>
      <protection locked="0"/>
    </xf>
    <xf numFmtId="0" fontId="13" fillId="2" borderId="12" xfId="0" applyFont="1" applyFill="1" applyBorder="1" applyAlignment="1" applyProtection="1">
      <alignment horizontal="center" vertical="center" shrinkToFit="1"/>
      <protection locked="0"/>
    </xf>
    <xf numFmtId="0" fontId="9" fillId="0" borderId="17" xfId="0" applyFont="1" applyFill="1" applyBorder="1" applyAlignment="1" applyProtection="1">
      <alignment horizontal="center" vertical="center"/>
      <protection locked="0"/>
    </xf>
    <xf numFmtId="14" fontId="13" fillId="2" borderId="11" xfId="0" applyNumberFormat="1" applyFont="1" applyFill="1" applyBorder="1" applyAlignment="1" applyProtection="1">
      <alignment horizontal="center" vertical="center" shrinkToFit="1"/>
      <protection locked="0"/>
    </xf>
    <xf numFmtId="0" fontId="9" fillId="0" borderId="10" xfId="0" applyFont="1" applyFill="1" applyBorder="1" applyAlignment="1" applyProtection="1">
      <alignment horizontal="center" vertical="center"/>
      <protection locked="0"/>
    </xf>
    <xf numFmtId="0" fontId="9" fillId="0" borderId="29" xfId="0" applyFont="1" applyFill="1" applyBorder="1" applyAlignment="1" applyProtection="1">
      <alignment horizontal="center" vertical="center"/>
      <protection locked="0"/>
    </xf>
    <xf numFmtId="0" fontId="9" fillId="0" borderId="11" xfId="0" applyFont="1" applyFill="1" applyBorder="1" applyAlignment="1" applyProtection="1">
      <alignment horizontal="center" vertical="center"/>
      <protection locked="0"/>
    </xf>
    <xf numFmtId="0" fontId="17" fillId="0" borderId="17" xfId="0" applyFont="1" applyFill="1" applyBorder="1" applyAlignment="1" applyProtection="1">
      <alignment horizontal="center" vertical="center"/>
      <protection locked="0"/>
    </xf>
    <xf numFmtId="0" fontId="9" fillId="2" borderId="12" xfId="0" applyFont="1" applyFill="1" applyBorder="1" applyAlignment="1" applyProtection="1">
      <alignment horizontal="center" vertical="center" shrinkToFit="1"/>
      <protection locked="0"/>
    </xf>
    <xf numFmtId="0" fontId="9" fillId="2" borderId="11" xfId="0" applyFont="1" applyFill="1" applyBorder="1" applyAlignment="1" applyProtection="1">
      <alignment horizontal="center" vertical="center" shrinkToFit="1"/>
      <protection locked="0"/>
    </xf>
    <xf numFmtId="0" fontId="13" fillId="0" borderId="1" xfId="0" applyFont="1" applyFill="1" applyBorder="1" applyAlignment="1" applyProtection="1">
      <alignment horizontal="center" vertical="center" shrinkToFit="1"/>
      <protection locked="0"/>
    </xf>
    <xf numFmtId="0" fontId="13" fillId="2" borderId="1" xfId="0" applyFont="1" applyFill="1" applyBorder="1" applyAlignment="1" applyProtection="1">
      <alignment horizontal="center" vertical="center" shrinkToFit="1"/>
      <protection locked="0"/>
    </xf>
    <xf numFmtId="0" fontId="9" fillId="2" borderId="1" xfId="0" applyFont="1" applyFill="1" applyBorder="1" applyAlignment="1" applyProtection="1">
      <alignment horizontal="center" vertical="center"/>
      <protection locked="0"/>
    </xf>
    <xf numFmtId="0" fontId="9" fillId="0" borderId="1" xfId="0" applyFont="1" applyFill="1" applyBorder="1" applyAlignment="1" applyProtection="1">
      <alignment horizontal="center" vertical="center"/>
      <protection locked="0"/>
    </xf>
    <xf numFmtId="0" fontId="13" fillId="2" borderId="17" xfId="0" applyFont="1" applyFill="1" applyBorder="1" applyAlignment="1" applyProtection="1">
      <alignment horizontal="center" vertical="center" shrinkToFit="1"/>
      <protection locked="0"/>
    </xf>
    <xf numFmtId="0" fontId="11" fillId="3" borderId="15" xfId="0" applyFont="1" applyFill="1" applyBorder="1" applyAlignment="1" applyProtection="1">
      <alignment horizontal="center" vertical="center" wrapText="1"/>
    </xf>
    <xf numFmtId="0" fontId="11" fillId="3" borderId="16" xfId="0" applyFont="1" applyFill="1" applyBorder="1" applyAlignment="1" applyProtection="1">
      <alignment horizontal="center" vertical="center" wrapText="1"/>
    </xf>
    <xf numFmtId="0" fontId="8" fillId="0" borderId="0" xfId="0" applyFont="1" applyProtection="1">
      <alignment vertical="center"/>
    </xf>
    <xf numFmtId="0" fontId="9" fillId="0" borderId="0" xfId="0" applyFont="1" applyProtection="1">
      <alignment vertical="center"/>
    </xf>
    <xf numFmtId="0" fontId="8" fillId="2" borderId="0" xfId="0" applyFont="1" applyFill="1" applyProtection="1">
      <alignment vertical="center"/>
    </xf>
    <xf numFmtId="0" fontId="9" fillId="2" borderId="0" xfId="0" applyFont="1" applyFill="1" applyProtection="1">
      <alignment vertical="center"/>
    </xf>
    <xf numFmtId="0" fontId="9" fillId="2" borderId="0" xfId="0" applyFont="1" applyFill="1" applyAlignment="1" applyProtection="1">
      <alignment horizontal="right" vertical="center"/>
    </xf>
    <xf numFmtId="0" fontId="8" fillId="3" borderId="1" xfId="0" applyFont="1" applyFill="1" applyBorder="1" applyAlignment="1" applyProtection="1">
      <alignment horizontal="center" vertical="center"/>
    </xf>
    <xf numFmtId="0" fontId="9" fillId="2" borderId="0" xfId="0" applyFont="1" applyFill="1" applyBorder="1" applyProtection="1">
      <alignment vertical="center"/>
    </xf>
    <xf numFmtId="0" fontId="8" fillId="2" borderId="0" xfId="0" applyFont="1" applyFill="1" applyBorder="1" applyAlignment="1" applyProtection="1">
      <alignment horizontal="right" vertical="center"/>
    </xf>
    <xf numFmtId="0" fontId="10" fillId="2" borderId="0" xfId="0" applyFont="1" applyFill="1" applyAlignment="1" applyProtection="1">
      <alignment vertical="center" wrapText="1"/>
    </xf>
    <xf numFmtId="0" fontId="12" fillId="2" borderId="2" xfId="0" applyFont="1" applyFill="1" applyBorder="1" applyProtection="1">
      <alignment vertical="center"/>
    </xf>
    <xf numFmtId="0" fontId="10" fillId="2" borderId="20" xfId="0" applyFont="1" applyFill="1" applyBorder="1" applyAlignment="1" applyProtection="1">
      <alignment vertical="center" wrapText="1"/>
    </xf>
    <xf numFmtId="0" fontId="9" fillId="2" borderId="3" xfId="0" applyFont="1" applyFill="1" applyBorder="1" applyProtection="1">
      <alignment vertical="center"/>
    </xf>
    <xf numFmtId="0" fontId="12" fillId="2" borderId="3" xfId="0" applyFont="1" applyFill="1" applyBorder="1" applyAlignment="1" applyProtection="1">
      <alignment horizontal="right" vertical="center"/>
    </xf>
    <xf numFmtId="0" fontId="8" fillId="0" borderId="5" xfId="0" applyFont="1" applyBorder="1" applyProtection="1">
      <alignment vertical="center"/>
    </xf>
    <xf numFmtId="0" fontId="9" fillId="2" borderId="5" xfId="0" applyFont="1" applyFill="1" applyBorder="1" applyProtection="1">
      <alignment vertical="center"/>
    </xf>
    <xf numFmtId="0" fontId="11" fillId="3" borderId="1" xfId="0" applyFont="1" applyFill="1" applyBorder="1" applyAlignment="1" applyProtection="1">
      <alignment horizontal="center" vertical="center" wrapText="1"/>
    </xf>
    <xf numFmtId="0" fontId="11" fillId="3" borderId="34" xfId="0" applyFont="1" applyFill="1" applyBorder="1" applyAlignment="1" applyProtection="1">
      <alignment horizontal="center" vertical="center" shrinkToFit="1"/>
    </xf>
    <xf numFmtId="0" fontId="11" fillId="3" borderId="35" xfId="0" applyFont="1" applyFill="1" applyBorder="1" applyAlignment="1" applyProtection="1">
      <alignment horizontal="center" vertical="center" shrinkToFit="1"/>
    </xf>
    <xf numFmtId="0" fontId="11" fillId="3" borderId="36" xfId="0" applyFont="1" applyFill="1" applyBorder="1" applyAlignment="1" applyProtection="1">
      <alignment horizontal="center" vertical="center" wrapText="1"/>
    </xf>
    <xf numFmtId="0" fontId="9" fillId="2" borderId="7" xfId="0" applyFont="1" applyFill="1" applyBorder="1" applyProtection="1">
      <alignment vertical="center"/>
    </xf>
    <xf numFmtId="0" fontId="8" fillId="2" borderId="8" xfId="0" applyFont="1" applyFill="1" applyBorder="1" applyProtection="1">
      <alignment vertical="center"/>
    </xf>
    <xf numFmtId="0" fontId="9" fillId="2" borderId="8" xfId="0" applyFont="1" applyFill="1" applyBorder="1" applyProtection="1">
      <alignment vertical="center"/>
    </xf>
    <xf numFmtId="0" fontId="10" fillId="2" borderId="0" xfId="0" applyFont="1" applyFill="1" applyAlignment="1" applyProtection="1">
      <alignment vertical="center"/>
    </xf>
    <xf numFmtId="0" fontId="10" fillId="2" borderId="3" xfId="0" applyFont="1" applyFill="1" applyBorder="1" applyAlignment="1" applyProtection="1">
      <alignment vertical="center"/>
    </xf>
    <xf numFmtId="0" fontId="12" fillId="2" borderId="3" xfId="0" applyFont="1" applyFill="1" applyBorder="1" applyProtection="1">
      <alignment vertical="center"/>
    </xf>
    <xf numFmtId="0" fontId="12" fillId="2" borderId="5" xfId="0" applyFont="1" applyFill="1" applyBorder="1" applyProtection="1">
      <alignment vertical="center"/>
    </xf>
    <xf numFmtId="0" fontId="12" fillId="2" borderId="0" xfId="0" applyFont="1" applyFill="1" applyProtection="1">
      <alignment vertical="center"/>
    </xf>
    <xf numFmtId="0" fontId="13" fillId="2" borderId="0" xfId="0" applyFont="1" applyFill="1" applyAlignment="1" applyProtection="1">
      <alignment horizontal="center" vertical="center" shrinkToFit="1"/>
    </xf>
    <xf numFmtId="0" fontId="8" fillId="0" borderId="0" xfId="0" applyFont="1" applyAlignment="1" applyProtection="1">
      <alignment horizontal="center" vertical="center"/>
    </xf>
    <xf numFmtId="0" fontId="11" fillId="3" borderId="12" xfId="0" applyFont="1" applyFill="1" applyBorder="1" applyAlignment="1" applyProtection="1">
      <alignment horizontal="center" vertical="center" wrapText="1"/>
    </xf>
    <xf numFmtId="0" fontId="13" fillId="2" borderId="0" xfId="0" applyFont="1" applyFill="1" applyAlignment="1" applyProtection="1">
      <alignment horizontal="center" vertical="center" wrapText="1"/>
    </xf>
    <xf numFmtId="14" fontId="13" fillId="2" borderId="0" xfId="0" applyNumberFormat="1" applyFont="1" applyFill="1" applyAlignment="1" applyProtection="1">
      <alignment horizontal="center" vertical="center" wrapText="1"/>
    </xf>
    <xf numFmtId="0" fontId="13" fillId="2" borderId="31" xfId="0" applyFont="1" applyFill="1" applyBorder="1" applyAlignment="1" applyProtection="1">
      <alignment horizontal="center" vertical="center" wrapText="1"/>
    </xf>
    <xf numFmtId="14" fontId="13" fillId="2" borderId="31" xfId="0" applyNumberFormat="1" applyFont="1" applyFill="1" applyBorder="1" applyAlignment="1" applyProtection="1">
      <alignment horizontal="center" vertical="center" wrapText="1"/>
    </xf>
    <xf numFmtId="0" fontId="9" fillId="2" borderId="31" xfId="0" applyFont="1" applyFill="1" applyBorder="1" applyProtection="1">
      <alignment vertical="center"/>
    </xf>
    <xf numFmtId="0" fontId="9" fillId="0" borderId="5" xfId="0" applyFont="1" applyBorder="1" applyProtection="1">
      <alignment vertical="center"/>
    </xf>
    <xf numFmtId="0" fontId="13" fillId="3" borderId="1" xfId="0" applyFont="1" applyFill="1" applyBorder="1" applyAlignment="1" applyProtection="1">
      <alignment horizontal="center" vertical="center" wrapText="1"/>
    </xf>
    <xf numFmtId="0" fontId="13" fillId="2" borderId="1" xfId="0" applyFont="1" applyFill="1" applyBorder="1" applyAlignment="1" applyProtection="1">
      <alignment horizontal="center" vertical="center" wrapText="1"/>
    </xf>
    <xf numFmtId="0" fontId="9" fillId="0" borderId="0" xfId="0" applyFont="1" applyAlignment="1" applyProtection="1">
      <alignment horizontal="center" vertical="center"/>
    </xf>
    <xf numFmtId="0" fontId="9" fillId="2" borderId="0" xfId="0" applyFont="1" applyFill="1" applyAlignment="1" applyProtection="1">
      <alignment horizontal="left" vertical="center" wrapText="1"/>
    </xf>
    <xf numFmtId="0" fontId="9" fillId="2" borderId="9" xfId="0" applyFont="1" applyFill="1" applyBorder="1" applyProtection="1">
      <alignment vertical="center"/>
    </xf>
    <xf numFmtId="0" fontId="11" fillId="0" borderId="0" xfId="0" applyFont="1" applyAlignment="1" applyProtection="1">
      <alignment horizontal="left" vertical="top"/>
    </xf>
    <xf numFmtId="0" fontId="18" fillId="0" borderId="0" xfId="0" applyFont="1" applyProtection="1">
      <alignment vertical="center"/>
    </xf>
    <xf numFmtId="0" fontId="20" fillId="0" borderId="0" xfId="8" applyFont="1" applyProtection="1">
      <alignment vertical="center"/>
      <protection locked="0"/>
    </xf>
    <xf numFmtId="0" fontId="17" fillId="0" borderId="1" xfId="0" applyFont="1" applyFill="1" applyBorder="1" applyAlignment="1" applyProtection="1">
      <alignment horizontal="center" vertical="center"/>
      <protection locked="0"/>
    </xf>
    <xf numFmtId="0" fontId="9" fillId="2" borderId="0" xfId="0" applyFont="1" applyFill="1" applyAlignment="1" applyProtection="1">
      <alignment vertical="center"/>
    </xf>
    <xf numFmtId="0" fontId="9" fillId="0" borderId="0" xfId="0" applyFont="1" applyAlignment="1" applyProtection="1">
      <alignment horizontal="right" vertical="center"/>
    </xf>
    <xf numFmtId="0" fontId="12" fillId="2" borderId="8" xfId="0" applyFont="1" applyFill="1" applyBorder="1" applyAlignment="1" applyProtection="1">
      <alignment horizontal="center" vertical="center"/>
      <protection locked="0"/>
    </xf>
    <xf numFmtId="0" fontId="10" fillId="0" borderId="0" xfId="0" applyFont="1" applyFill="1" applyProtection="1">
      <alignment vertical="center"/>
      <protection locked="0"/>
    </xf>
    <xf numFmtId="0" fontId="9" fillId="3" borderId="21" xfId="0" applyFont="1" applyFill="1" applyBorder="1" applyAlignment="1" applyProtection="1">
      <alignment horizontal="center" vertical="center"/>
    </xf>
    <xf numFmtId="0" fontId="9" fillId="3" borderId="22" xfId="0" applyFont="1" applyFill="1" applyBorder="1" applyAlignment="1" applyProtection="1">
      <alignment horizontal="center" vertical="center"/>
    </xf>
    <xf numFmtId="0" fontId="9" fillId="3" borderId="23" xfId="0" applyFont="1" applyFill="1" applyBorder="1" applyAlignment="1" applyProtection="1">
      <alignment horizontal="center" vertical="center"/>
    </xf>
    <xf numFmtId="0" fontId="9" fillId="2" borderId="24" xfId="0" applyFont="1" applyFill="1" applyBorder="1" applyAlignment="1" applyProtection="1">
      <alignment horizontal="left" vertical="center" wrapText="1"/>
    </xf>
    <xf numFmtId="0" fontId="9" fillId="2" borderId="3" xfId="0" applyFont="1" applyFill="1" applyBorder="1" applyAlignment="1" applyProtection="1">
      <alignment horizontal="left" vertical="center" wrapText="1"/>
    </xf>
    <xf numFmtId="0" fontId="9" fillId="2" borderId="25" xfId="0" applyFont="1" applyFill="1" applyBorder="1" applyAlignment="1" applyProtection="1">
      <alignment horizontal="left" vertical="center" wrapText="1"/>
    </xf>
    <xf numFmtId="0" fontId="9" fillId="2" borderId="0" xfId="0" applyFont="1" applyFill="1" applyAlignment="1" applyProtection="1">
      <alignment horizontal="left" vertical="center" wrapText="1"/>
    </xf>
    <xf numFmtId="0" fontId="9" fillId="2" borderId="26" xfId="0" applyFont="1" applyFill="1" applyBorder="1" applyAlignment="1" applyProtection="1">
      <alignment horizontal="left" vertical="center" wrapText="1"/>
    </xf>
    <xf numFmtId="0" fontId="9" fillId="2" borderId="8" xfId="0" applyFont="1" applyFill="1" applyBorder="1" applyAlignment="1" applyProtection="1">
      <alignment horizontal="left" vertical="center" wrapText="1"/>
    </xf>
    <xf numFmtId="0" fontId="9" fillId="2" borderId="4" xfId="0" applyFont="1" applyFill="1" applyBorder="1" applyAlignment="1" applyProtection="1">
      <alignment horizontal="left" vertical="center" wrapText="1"/>
    </xf>
    <xf numFmtId="0" fontId="9" fillId="2" borderId="6" xfId="0" applyFont="1" applyFill="1" applyBorder="1" applyAlignment="1" applyProtection="1">
      <alignment horizontal="left" vertical="center" wrapText="1"/>
    </xf>
    <xf numFmtId="0" fontId="9" fillId="2" borderId="9" xfId="0" applyFont="1" applyFill="1" applyBorder="1" applyAlignment="1" applyProtection="1">
      <alignment horizontal="left" vertical="center" wrapText="1"/>
    </xf>
    <xf numFmtId="0" fontId="11" fillId="3" borderId="1" xfId="0" applyFont="1" applyFill="1" applyBorder="1" applyAlignment="1" applyProtection="1">
      <alignment horizontal="center" vertical="center" wrapText="1"/>
    </xf>
    <xf numFmtId="0" fontId="13" fillId="2" borderId="1" xfId="0" applyFont="1" applyFill="1" applyBorder="1" applyAlignment="1" applyProtection="1">
      <alignment horizontal="center" vertical="center" shrinkToFit="1"/>
      <protection locked="0"/>
    </xf>
    <xf numFmtId="0" fontId="11" fillId="3" borderId="13" xfId="0" applyFont="1" applyFill="1" applyBorder="1" applyAlignment="1" applyProtection="1">
      <alignment horizontal="center" vertical="center" wrapText="1"/>
    </xf>
    <xf numFmtId="0" fontId="11" fillId="3" borderId="14" xfId="0" applyFont="1" applyFill="1" applyBorder="1" applyAlignment="1" applyProtection="1">
      <alignment horizontal="center" vertical="center" wrapText="1"/>
    </xf>
    <xf numFmtId="0" fontId="11" fillId="3" borderId="2" xfId="0" applyFont="1" applyFill="1" applyBorder="1" applyAlignment="1" applyProtection="1">
      <alignment horizontal="center" vertical="center" wrapText="1"/>
    </xf>
    <xf numFmtId="0" fontId="11" fillId="3" borderId="4" xfId="0" applyFont="1" applyFill="1" applyBorder="1" applyAlignment="1" applyProtection="1">
      <alignment horizontal="center" vertical="center" wrapText="1"/>
    </xf>
    <xf numFmtId="0" fontId="11" fillId="3" borderId="7" xfId="0" applyFont="1" applyFill="1" applyBorder="1" applyAlignment="1" applyProtection="1">
      <alignment horizontal="center" vertical="center" wrapText="1"/>
    </xf>
    <xf numFmtId="0" fontId="11" fillId="3" borderId="9" xfId="0" applyFont="1" applyFill="1" applyBorder="1" applyAlignment="1" applyProtection="1">
      <alignment horizontal="center" vertical="center" wrapText="1"/>
    </xf>
    <xf numFmtId="0" fontId="13" fillId="2" borderId="17" xfId="0" applyFont="1" applyFill="1" applyBorder="1" applyAlignment="1" applyProtection="1">
      <alignment horizontal="center" vertical="center" shrinkToFit="1"/>
      <protection locked="0"/>
    </xf>
    <xf numFmtId="0" fontId="11" fillId="3" borderId="12" xfId="0" applyFont="1" applyFill="1" applyBorder="1" applyAlignment="1" applyProtection="1">
      <alignment horizontal="center" vertical="center" wrapText="1"/>
    </xf>
    <xf numFmtId="0" fontId="11" fillId="3" borderId="19" xfId="0" applyFont="1" applyFill="1" applyBorder="1" applyAlignment="1" applyProtection="1">
      <alignment horizontal="center" vertical="center" wrapText="1"/>
    </xf>
    <xf numFmtId="0" fontId="11" fillId="3" borderId="27" xfId="0" applyFont="1" applyFill="1" applyBorder="1" applyAlignment="1" applyProtection="1">
      <alignment horizontal="center" vertical="center" wrapText="1"/>
    </xf>
    <xf numFmtId="0" fontId="11" fillId="3" borderId="28" xfId="0" applyFont="1" applyFill="1" applyBorder="1" applyAlignment="1" applyProtection="1">
      <alignment horizontal="center" vertical="center" wrapText="1"/>
    </xf>
    <xf numFmtId="0" fontId="11" fillId="3" borderId="39" xfId="0" applyFont="1" applyFill="1" applyBorder="1" applyAlignment="1" applyProtection="1">
      <alignment horizontal="center" vertical="center" wrapText="1"/>
    </xf>
    <xf numFmtId="0" fontId="11" fillId="3" borderId="40" xfId="0" applyFont="1" applyFill="1" applyBorder="1" applyAlignment="1" applyProtection="1">
      <alignment horizontal="center" vertical="center" wrapText="1"/>
    </xf>
    <xf numFmtId="0" fontId="9" fillId="2" borderId="1" xfId="0" applyFont="1" applyFill="1" applyBorder="1" applyAlignment="1" applyProtection="1">
      <alignment horizontal="left" vertical="center"/>
      <protection locked="0"/>
    </xf>
    <xf numFmtId="0" fontId="11" fillId="3" borderId="12" xfId="0" applyFont="1" applyFill="1" applyBorder="1" applyAlignment="1" applyProtection="1">
      <alignment horizontal="center" vertical="center" shrinkToFit="1"/>
    </xf>
    <xf numFmtId="0" fontId="11" fillId="3" borderId="19" xfId="0" applyFont="1" applyFill="1" applyBorder="1" applyAlignment="1" applyProtection="1">
      <alignment horizontal="center" vertical="center" shrinkToFit="1"/>
    </xf>
    <xf numFmtId="0" fontId="15" fillId="2" borderId="1" xfId="0" applyFont="1" applyFill="1" applyBorder="1" applyAlignment="1" applyProtection="1">
      <alignment horizontal="center" vertical="center" shrinkToFit="1"/>
      <protection locked="0"/>
    </xf>
    <xf numFmtId="0" fontId="11" fillId="3" borderId="20" xfId="0" applyFont="1" applyFill="1" applyBorder="1" applyAlignment="1" applyProtection="1">
      <alignment horizontal="center" vertical="center" wrapText="1"/>
    </xf>
    <xf numFmtId="176" fontId="13" fillId="2" borderId="1" xfId="0" applyNumberFormat="1" applyFont="1" applyFill="1" applyBorder="1" applyAlignment="1" applyProtection="1">
      <alignment horizontal="center" vertical="center" shrinkToFit="1"/>
      <protection locked="0"/>
    </xf>
    <xf numFmtId="0" fontId="10" fillId="0" borderId="37" xfId="0" applyFont="1" applyBorder="1" applyAlignment="1" applyProtection="1">
      <alignment horizontal="center" vertical="center"/>
    </xf>
    <xf numFmtId="0" fontId="10" fillId="0" borderId="38" xfId="0" applyFont="1" applyBorder="1" applyAlignment="1" applyProtection="1">
      <alignment horizontal="center" vertical="center"/>
    </xf>
    <xf numFmtId="0" fontId="11" fillId="3" borderId="1" xfId="0" applyFont="1" applyFill="1" applyBorder="1" applyAlignment="1" applyProtection="1">
      <alignment horizontal="center" vertical="center" wrapText="1" shrinkToFit="1"/>
    </xf>
    <xf numFmtId="0" fontId="9" fillId="2" borderId="1" xfId="0" applyFont="1" applyFill="1" applyBorder="1" applyAlignment="1" applyProtection="1">
      <alignment horizontal="center" vertical="center"/>
      <protection locked="0"/>
    </xf>
    <xf numFmtId="176" fontId="13" fillId="2" borderId="1" xfId="0" applyNumberFormat="1" applyFont="1" applyFill="1" applyBorder="1" applyAlignment="1" applyProtection="1">
      <alignment horizontal="center" vertical="center"/>
      <protection locked="0"/>
    </xf>
    <xf numFmtId="0" fontId="16" fillId="0" borderId="0" xfId="0" applyFont="1" applyAlignment="1" applyProtection="1">
      <alignment horizontal="center" vertical="center"/>
    </xf>
    <xf numFmtId="0" fontId="11" fillId="3" borderId="1" xfId="0" applyFont="1" applyFill="1" applyBorder="1" applyAlignment="1" applyProtection="1">
      <alignment horizontal="center" vertical="center" shrinkToFit="1"/>
    </xf>
    <xf numFmtId="0" fontId="11" fillId="3" borderId="13" xfId="0" applyFont="1" applyFill="1" applyBorder="1" applyAlignment="1" applyProtection="1">
      <alignment horizontal="center" vertical="center" shrinkToFit="1"/>
    </xf>
    <xf numFmtId="0" fontId="11" fillId="3" borderId="30" xfId="0" applyFont="1" applyFill="1" applyBorder="1" applyAlignment="1" applyProtection="1">
      <alignment horizontal="center" vertical="center" shrinkToFit="1"/>
    </xf>
    <xf numFmtId="0" fontId="11" fillId="3" borderId="14" xfId="0" applyFont="1" applyFill="1" applyBorder="1" applyAlignment="1" applyProtection="1">
      <alignment horizontal="center" vertical="center" shrinkToFit="1"/>
    </xf>
    <xf numFmtId="0" fontId="9" fillId="0" borderId="1" xfId="0" applyFont="1" applyFill="1" applyBorder="1" applyAlignment="1" applyProtection="1">
      <alignment horizontal="center" vertical="center"/>
      <protection locked="0"/>
    </xf>
    <xf numFmtId="0" fontId="12" fillId="2" borderId="0" xfId="0" applyFont="1" applyFill="1" applyAlignment="1" applyProtection="1">
      <alignment horizontal="left" vertical="center"/>
    </xf>
    <xf numFmtId="0" fontId="12" fillId="2" borderId="8" xfId="0" applyFont="1" applyFill="1" applyBorder="1" applyAlignment="1" applyProtection="1">
      <alignment horizontal="left" vertical="center"/>
    </xf>
    <xf numFmtId="0" fontId="15" fillId="0" borderId="8" xfId="0" applyFont="1" applyFill="1" applyBorder="1" applyAlignment="1" applyProtection="1">
      <alignment horizontal="left" vertical="center" shrinkToFit="1"/>
      <protection locked="0"/>
    </xf>
    <xf numFmtId="0" fontId="14" fillId="3" borderId="2" xfId="0" applyFont="1" applyFill="1" applyBorder="1" applyAlignment="1" applyProtection="1">
      <alignment horizontal="center" vertical="center" wrapText="1"/>
    </xf>
    <xf numFmtId="0" fontId="11" fillId="3" borderId="17" xfId="0" applyFont="1" applyFill="1" applyBorder="1" applyAlignment="1" applyProtection="1">
      <alignment horizontal="center" vertical="center" wrapText="1"/>
    </xf>
    <xf numFmtId="0" fontId="11" fillId="3" borderId="18" xfId="0" applyFont="1" applyFill="1" applyBorder="1" applyAlignment="1" applyProtection="1">
      <alignment horizontal="center" vertical="center" wrapText="1"/>
    </xf>
    <xf numFmtId="0" fontId="15" fillId="0" borderId="0" xfId="0" applyFont="1" applyFill="1" applyAlignment="1" applyProtection="1">
      <alignment horizontal="left" vertical="center" shrinkToFit="1"/>
      <protection locked="0"/>
    </xf>
    <xf numFmtId="176" fontId="15" fillId="0" borderId="0" xfId="0" applyNumberFormat="1" applyFont="1" applyFill="1" applyAlignment="1" applyProtection="1">
      <alignment horizontal="left" vertical="center" shrinkToFit="1"/>
      <protection locked="0"/>
    </xf>
    <xf numFmtId="0" fontId="11" fillId="0" borderId="5" xfId="0" applyFont="1" applyBorder="1" applyAlignment="1" applyProtection="1">
      <alignment horizontal="left" vertical="center" wrapText="1"/>
    </xf>
    <xf numFmtId="0" fontId="11" fillId="0" borderId="0" xfId="0" applyFont="1" applyBorder="1" applyAlignment="1" applyProtection="1">
      <alignment horizontal="left" vertical="center" wrapText="1"/>
    </xf>
    <xf numFmtId="0" fontId="11" fillId="0" borderId="7" xfId="0" applyFont="1" applyBorder="1" applyAlignment="1" applyProtection="1">
      <alignment horizontal="left" vertical="center" wrapText="1"/>
    </xf>
    <xf numFmtId="0" fontId="11" fillId="0" borderId="8" xfId="0" applyFont="1" applyBorder="1" applyAlignment="1" applyProtection="1">
      <alignment horizontal="left" vertical="center" wrapText="1"/>
    </xf>
    <xf numFmtId="0" fontId="9" fillId="2" borderId="1" xfId="0" applyFont="1" applyFill="1" applyBorder="1" applyAlignment="1" applyProtection="1">
      <alignment horizontal="center" vertical="center" shrinkToFit="1"/>
      <protection locked="0"/>
    </xf>
    <xf numFmtId="0" fontId="11" fillId="3" borderId="32" xfId="0" applyFont="1" applyFill="1" applyBorder="1" applyAlignment="1" applyProtection="1">
      <alignment horizontal="center" vertical="center" shrinkToFit="1"/>
    </xf>
    <xf numFmtId="0" fontId="11" fillId="3" borderId="33" xfId="0" applyFont="1" applyFill="1" applyBorder="1" applyAlignment="1" applyProtection="1">
      <alignment horizontal="center" vertical="center" shrinkToFit="1"/>
    </xf>
  </cellXfs>
  <cellStyles count="9">
    <cellStyle name="パーセント 2" xfId="6" xr:uid="{00000000-0005-0000-0000-000001000000}"/>
    <cellStyle name="ハイパーリンク" xfId="8" builtinId="8"/>
    <cellStyle name="ハイパーリンク 2" xfId="5" xr:uid="{00000000-0005-0000-0000-000003000000}"/>
    <cellStyle name="桁区切り 2" xfId="7" xr:uid="{00000000-0005-0000-0000-000004000000}"/>
    <cellStyle name="標準" xfId="0" builtinId="0"/>
    <cellStyle name="標準 2 2 2" xfId="1" xr:uid="{00000000-0005-0000-0000-000006000000}"/>
    <cellStyle name="標準 2 2 3" xfId="2" xr:uid="{00000000-0005-0000-0000-000007000000}"/>
    <cellStyle name="標準 2 3" xfId="3" xr:uid="{00000000-0005-0000-0000-000008000000}"/>
    <cellStyle name="標準 3" xfId="4" xr:uid="{00000000-0005-0000-0000-000009000000}"/>
  </cellStyles>
  <dxfs count="44">
    <dxf>
      <fill>
        <patternFill>
          <bgColor theme="0" tint="-0.24994659260841701"/>
        </patternFill>
      </fill>
    </dxf>
    <dxf>
      <font>
        <color rgb="FFFF0000"/>
      </font>
      <fill>
        <patternFill>
          <fgColor auto="1"/>
        </patternFill>
      </fill>
    </dxf>
    <dxf>
      <fill>
        <patternFill>
          <bgColor theme="5"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0" tint="-0.24994659260841701"/>
        </patternFill>
      </fill>
    </dxf>
    <dxf>
      <fill>
        <patternFill>
          <bgColor theme="8" tint="0.79998168889431442"/>
        </patternFill>
      </fill>
    </dxf>
    <dxf>
      <fill>
        <patternFill>
          <bgColor theme="0" tint="-0.24994659260841701"/>
        </patternFill>
      </fill>
    </dxf>
    <dxf>
      <fill>
        <patternFill>
          <bgColor theme="0" tint="-0.24994659260841701"/>
        </patternFill>
      </fill>
    </dxf>
    <dxf>
      <fill>
        <patternFill>
          <bgColor theme="5" tint="0.79998168889431442"/>
        </patternFill>
      </fill>
    </dxf>
    <dxf>
      <fill>
        <patternFill>
          <bgColor theme="0" tint="-0.24994659260841701"/>
        </patternFill>
      </fill>
    </dxf>
    <dxf>
      <fill>
        <patternFill>
          <bgColor theme="5" tint="0.79998168889431442"/>
        </patternFill>
      </fill>
    </dxf>
    <dxf>
      <fill>
        <patternFill>
          <bgColor theme="0" tint="-0.24994659260841701"/>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0" tint="-0.24994659260841701"/>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13" Type="http://schemas.openxmlformats.org/officeDocument/2006/relationships/customXml" Target="../customXml/item3.xml"/><Relationship Id="rId3" Type="http://schemas.openxmlformats.org/officeDocument/2006/relationships/externalLink" Target="externalLinks/externalLink2.xml"/><Relationship Id="rId7" Type="http://schemas.openxmlformats.org/officeDocument/2006/relationships/styles" Target="styles.xml"/><Relationship Id="rId12" Type="http://schemas.openxmlformats.org/officeDocument/2006/relationships/customXml" Target="../customXml/item2.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1.xml"/><Relationship Id="rId5" Type="http://schemas.openxmlformats.org/officeDocument/2006/relationships/externalLink" Target="externalLinks/externalLink4.xml"/><Relationship Id="rId10" Type="http://schemas.openxmlformats.org/officeDocument/2006/relationships/calcChain" Target="calcChain.xml"/><Relationship Id="rId4" Type="http://schemas.openxmlformats.org/officeDocument/2006/relationships/externalLink" Target="externalLinks/externalLink3.xml"/><Relationship Id="rId9" Type="http://schemas.openxmlformats.org/officeDocument/2006/relationships/sheetMetadata" Target="metadata.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S40svr01\s40\windows\&#65411;&#65438;&#65405;&#65400;&#65412;&#65391;&#65420;&#65439;\Koyama1\&#65418;&#65438;&#65405;\&#65400;&#65434;&#65392;&#65425;&#20998;&#26512;\LR&#12539;LT&#65400;&#65434;&#65392;&#65425;&#20998;&#2651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I213819\&#29275;&#23798;&#12398;&#20849;&#26377;&#12501;\&#29275;&#23798;&#12398;&#20849;&#26377;&#12501;&#12457;&#12523;&#12480;\99&#65418;&#65438;&#65405;.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DOCUME~1\A209616\LOCALS~1\Temp\DOCUME~1\A209616\LOCALS~1\Temp\My%20Documents\&#21152;&#34276;\700P\&#20225;&#30011;\6h\PT&#20225;&#30011;\RV3\RV1\4HK1\Koyama1\&#65418;&#65438;&#65405;\&#65400;&#65434;&#65392;&#65425;&#20998;&#26512;\LR&#12539;LT&#65400;&#65434;&#65392;&#65425;&#20998;&#2651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I:\&#65331;&#65330;&#65296;\&#65331;&#65300;&#65317;\&#26085;&#31243;&amp;&#26989;&#35336;\&#20840;&#20307;&#26989;&#35336;\Koyama1\346\&#65400;&#65434;&#65392;&#65425;&#20998;&#26512;\LR&#12539;LT&#65400;&#65434;&#65392;&#65425;&#20998;&#2651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HärQ"/>
      <sheetName val="工数比較２"/>
      <sheetName val="SPEC LIST"/>
      <sheetName val="2TUP"/>
      <sheetName val="BP volume (2)"/>
      <sheetName val="BP volume"/>
      <sheetName val="RT50実績(11FY)"/>
      <sheetName val="RT50実績・予測-120620"/>
      <sheetName val="20kb CR"/>
      <sheetName val="RT50実績・予測"/>
      <sheetName val="summary (BP ISZJ Mar'12)"/>
      <sheetName val="R＆遡及-120620"/>
      <sheetName val="#REF"/>
      <sheetName val="資料_700部品点数設定"/>
      <sheetName val="選酋表"/>
      <sheetName val="PnL_BUD06"/>
      <sheetName val="PnL_2006 LE"/>
      <sheetName val="FixedAsset05&amp;06"/>
      <sheetName val="Cover"/>
      <sheetName val="List"/>
      <sheetName val="Page 3 (Samrong UA)"/>
      <sheetName val="Page 4 (Gateway-TF)"/>
      <sheetName val="Table"/>
      <sheetName val="ＴＦ関連Ｐｒｊ日程表"/>
      <sheetName val="LR・LTｸﾚｰﾑ分析"/>
      <sheetName val="P.1"/>
      <sheetName val="200P SHEET"/>
      <sheetName val="Snp"/>
      <sheetName val="1-A､B"/>
      <sheetName val="集計条件"/>
      <sheetName val="結果"/>
      <sheetName val="計算結果"/>
      <sheetName val="OD"/>
      <sheetName val="Table Master"/>
      <sheetName val="Master Route"/>
      <sheetName val="DATA"/>
      <sheetName val="NEW003"/>
      <sheetName val="Car Input"/>
      <sheetName val="Summary"/>
      <sheetName val="00年9月"/>
      <sheetName val="Sheet1"/>
      <sheetName val="Sheet2"/>
      <sheetName val="Sheet3"/>
      <sheetName val="96期(川崎)"/>
      <sheetName val="各部寸検結果"/>
      <sheetName val="Unit Price"/>
      <sheetName val="生産台数内訳"/>
      <sheetName val="クライテリア"/>
      <sheetName val="00-1"/>
      <sheetName val="Sheet1 (2)"/>
      <sheetName val="FUKUMI"/>
      <sheetName val="ITEM"/>
      <sheetName val="A"/>
      <sheetName val="基本情報ｄｂ"/>
      <sheetName val="財務諸表"/>
      <sheetName val="BELT検討"/>
      <sheetName val="第1期投資実績"/>
      <sheetName val="02MY投資実績"/>
      <sheetName val="150K-1投資"/>
      <sheetName val="150K-2投資"/>
      <sheetName val="Production Database 399"/>
      <sheetName val="(原単位)"/>
      <sheetName val="24204"/>
      <sheetName val="Defects"/>
      <sheetName val="[LR・LTｸﾚｰﾑ分析.xls塅䕃⹌塅Et1 (2)"/>
      <sheetName val="日付"/>
      <sheetName val="ﾏｸﾛ説明"/>
      <sheetName val="Sheet1_(2)"/>
      <sheetName val="Unit_Price"/>
      <sheetName val="実績推移"/>
      <sheetName val="原単位"/>
      <sheetName val="พงศ์พร"/>
      <sheetName val="SCH"/>
      <sheetName val="ﾊﾟｲﾌﾟ"/>
      <sheetName val="他材料費"/>
      <sheetName val="冷延鋼板"/>
      <sheetName val="熱延鋼板"/>
      <sheetName val="_LR・LTｸﾚｰﾑ分析.xls塅䕃⹌塅Et1 (2)"/>
      <sheetName val="入力シート"/>
      <sheetName val="6SWRF_W"/>
      <sheetName val="日程"/>
      <sheetName val="ＦＴＲ連結採算"/>
      <sheetName val="96・(・・)"/>
      <sheetName val="量産準備実施依頼書"/>
      <sheetName val="350CXZCO"/>
      <sheetName val="進め方"/>
      <sheetName val="ヘッダ"/>
      <sheetName val="台帳集計"/>
      <sheetName val="条件表"/>
      <sheetName val="G Van - Price Build up"/>
      <sheetName val="SUM"/>
      <sheetName val="推移用データ"/>
      <sheetName val="DOM-競合車SPEC"/>
      <sheetName val="第1期"/>
      <sheetName val="02MY"/>
      <sheetName val="150K-1"/>
      <sheetName val="150K-2"/>
      <sheetName val="180K投資"/>
      <sheetName val="96_97研究費_全体"/>
      <sheetName val="本船スケジュール"/>
      <sheetName val="見本２"/>
      <sheetName val="コード表"/>
      <sheetName val="出荷計画"/>
      <sheetName val="MPL 技連"/>
      <sheetName val="342E BLOCK"/>
      <sheetName val="MPL_技連"/>
      <sheetName val="342E_BLOCK"/>
      <sheetName val="資本ｺｽﾄ"/>
      <sheetName val="ISO_250"/>
      <sheetName val="NC-3 dAY"/>
      <sheetName val="成形場所"/>
      <sheetName val="Ref"/>
      <sheetName val="ｴｱﾃﾞｨｽｸ"/>
      <sheetName val="対策集計結果"/>
      <sheetName val="シャープアイ実績"/>
      <sheetName val="マスター"/>
      <sheetName val="社暦"/>
      <sheetName val="total change&amp;add"/>
      <sheetName val="Injection Foam (4)"/>
      <sheetName val="FB sepa S2"/>
      <sheetName val="MENU"/>
      <sheetName val="PL"/>
      <sheetName val="駆動系1"/>
      <sheetName val="_B007"/>
      <sheetName val="346Proj日程991124"/>
      <sheetName val="part list ext crew"/>
      <sheetName val="Years_Input"/>
      <sheetName val="制動力線計算入力"/>
      <sheetName val="業務計画"/>
      <sheetName val="ﾏﾙC改造投資詳細"/>
      <sheetName val="A-K研車型"/>
      <sheetName val="MOD"/>
      <sheetName val="rate"/>
      <sheetName val="社内検査データ"/>
      <sheetName val="ワークシート関数の使用例"/>
      <sheetName val="342A Block"/>
      <sheetName val="方策系入力表"/>
      <sheetName val="Sheet1_(2)1"/>
      <sheetName val="Unit_Price1"/>
      <sheetName val="[LR・LTｸﾚｰﾑ分析_xls塅䕃⹌塅Et1_(2)"/>
      <sheetName val="Production_Database_399"/>
      <sheetName val="_LR・LTｸﾚｰﾑ分析_xls塅䕃⹌塅Et1_(2)"/>
      <sheetName val="入力表"/>
      <sheetName val="TB3川崎"/>
      <sheetName val="職種別原価"/>
      <sheetName val="ASM#1-Eff"/>
      <sheetName val="一覧と近似式"/>
      <sheetName val="仕上１"/>
      <sheetName val="名簿データ"/>
      <sheetName val="150K_1投資"/>
      <sheetName val="150K_2投資"/>
      <sheetName val="TM"/>
      <sheetName val="〈参考〉_P.7_シフトINディテント力"/>
      <sheetName val="1-E"/>
      <sheetName val="材質検査（N増し書換済）"/>
      <sheetName val="ﾌﾟﾙﾀﾞｳﾝﾒﾆｭｰ用ｺｰﾄﾞ表"/>
      <sheetName val="進捗確認"/>
      <sheetName val="EPW 0630"/>
      <sheetName val="2005"/>
      <sheetName val="Pick up"/>
      <sheetName val="SR-AU(N)"/>
      <sheetName val="EF"/>
      <sheetName val="SR-AU"/>
      <sheetName val="Result"/>
      <sheetName val="WG_00"/>
      <sheetName val="2000_ALL"/>
      <sheetName val="SUS_00"/>
      <sheetName val="プロジェクトステータス　4J(ELF)"/>
      <sheetName val="T"/>
      <sheetName val="Distance Master"/>
      <sheetName val="Driver Master"/>
      <sheetName val="Truck Master"/>
      <sheetName val="Allowance Master"/>
      <sheetName val="The Rule"/>
      <sheetName val="R&amp;D"/>
      <sheetName val="ﾟ発表No 1"/>
      <sheetName val="市場品質状況レポート"/>
      <sheetName val="駆動力（入力シート）"/>
      <sheetName val="HX121-T"/>
      <sheetName val="新コード"/>
      <sheetName val="ｺｰﾄﾞ表"/>
      <sheetName val="TIRE読み替え表"/>
      <sheetName val="R GRILLE"/>
      <sheetName val="A2 990"/>
      <sheetName val="耐久進捗data"/>
      <sheetName val="ラミナー計算"/>
      <sheetName val="_CONFIG-2"/>
      <sheetName val="課題実施計画書"/>
      <sheetName val="NK仕様21"/>
      <sheetName val="データシート(定地) (2)"/>
      <sheetName val="2-A､B 3-A"/>
      <sheetName val="C3_N DC改造投資"/>
      <sheetName val="洩れ"/>
      <sheetName val="6W"/>
      <sheetName val="ap 17"/>
      <sheetName val="Data-Qｽｲｰﾌﾟ"/>
      <sheetName val="Data-NEｽｲｰﾌﾟ"/>
      <sheetName val="Data-ΔQ"/>
      <sheetName val="Data-ΔNE(50)"/>
      <sheetName val="金額"/>
      <sheetName val="DB"/>
      <sheetName val=" FE 0919Cal TP3"/>
      <sheetName val="燃費3"/>
      <sheetName val="機能リスト"/>
      <sheetName val="Wvð"/>
      <sheetName val="NCeA"/>
      <sheetName val="LAY-OUT "/>
      <sheetName val="表示"/>
      <sheetName val="商品明細(KD)"/>
      <sheetName val="品質保証責任者届"/>
      <sheetName val="【資料】730改造投資"/>
      <sheetName val="計画"/>
      <sheetName val="Index"/>
      <sheetName val="1. Prod. (BG  TG   AC) 2016"/>
      <sheetName val="Compare Budget &amp; Actual Order"/>
      <sheetName val="calculate"/>
      <sheetName val="SMALL"/>
      <sheetName val="A010"/>
      <sheetName val="#20号車排ガス"/>
      <sheetName val="PROD-TF"/>
      <sheetName val="ES01 トルクカーブ 20121115"/>
      <sheetName val="LCV"/>
      <sheetName val="Input-B2006wk"/>
      <sheetName val="RS"/>
      <sheetName val="Welding #2"/>
      <sheetName val="Cap. Injection "/>
      <sheetName val="RR"/>
      <sheetName val="3.Idea.Sewing "/>
      <sheetName val="Average"/>
      <sheetName val="ｼｬｼ"/>
      <sheetName val="DATA_MANUAL"/>
      <sheetName val="SHOT-A(N)"/>
      <sheetName val="板厚-ｺｲﾙ巾"/>
      <sheetName val="マスタ"/>
      <sheetName val="W-15F"/>
      <sheetName val="SPEC_LIST"/>
      <sheetName val="BP_volume_(2)"/>
      <sheetName val="BP_volume"/>
      <sheetName val="20kb_CR"/>
      <sheetName val="summary_(BP_ISZJ_Mar'12)"/>
      <sheetName val="PnL_2006_LE"/>
      <sheetName val="Page_3_(Samrong_UA)"/>
      <sheetName val="Page_4_(Gateway-TF)"/>
      <sheetName val="P_1"/>
      <sheetName val="200P_SHEET"/>
      <sheetName val="Table_Master"/>
      <sheetName val="Master_Route"/>
      <sheetName val="Unit_Price2"/>
      <sheetName val="Sheet1_(2)2"/>
      <sheetName val="Production_Database_3991"/>
      <sheetName val="[LR・LTｸﾚｰﾑ分析_xls塅䕃⹌塅Et1_(2)1"/>
      <sheetName val="_LR・LTｸﾚｰﾑ分析_xls塅䕃⹌塅Et1_(2)1"/>
      <sheetName val="Car_Input"/>
      <sheetName val="G_Van_-_Price_Build_up"/>
      <sheetName val="MPL_技連1"/>
      <sheetName val="342E_BLOCK1"/>
      <sheetName val="NC-3_dAY"/>
      <sheetName val="total_change&amp;add"/>
      <sheetName val="Injection_Foam_(4)"/>
      <sheetName val="FB_sepa_S2"/>
      <sheetName val="part_list_ext_crew"/>
      <sheetName val="342A_Block"/>
      <sheetName val="〈参考〉_P_7_シフトINディテント力"/>
      <sheetName val="EPW_0630"/>
      <sheetName val="Pick_up"/>
      <sheetName val="1__Prod__(BG__TG___AC)_2016"/>
      <sheetName val="Compare_Budget_&amp;_Actual_Order"/>
      <sheetName val="AxleShft"/>
      <sheetName val="Brake"/>
      <sheetName val="Clutch"/>
      <sheetName val="result_data"/>
      <sheetName val="グラフ_距離"/>
      <sheetName val="Final"/>
      <sheetName val="Hoki"/>
      <sheetName val="mode"/>
      <sheetName val="その他"/>
      <sheetName val="Prop"/>
      <sheetName val="Tire"/>
      <sheetName val="単位"/>
      <sheetName val="A000"/>
      <sheetName val="日程表 3X"/>
      <sheetName val="複合-日計算"/>
      <sheetName val="SW評価項目"/>
      <sheetName val="DATA計"/>
      <sheetName val="車両寸法"/>
      <sheetName val="灯火器寸法"/>
      <sheetName val="133NPR55 69 EC"/>
      <sheetName val="基準"/>
      <sheetName val="11月"/>
      <sheetName val="新規00上ｸﾞﾗﾌ"/>
      <sheetName val="会社概況(国内)"/>
      <sheetName val="見積依頼書(海外)"/>
      <sheetName val="TT (13)"/>
      <sheetName val="AS-A"/>
      <sheetName val="初期値"/>
      <sheetName val="Ass'y-A (Day)"/>
      <sheetName val="input"/>
      <sheetName val="予算推移"/>
      <sheetName val="ﾃﾞｰﾀ"/>
      <sheetName val="WJ素材費"/>
      <sheetName val="190BODY EMATRIX"/>
      <sheetName val="分類"/>
      <sheetName val="700vol"/>
      <sheetName val="p.no Coil"/>
      <sheetName val="COIL C3-6"/>
      <sheetName val="Data validation"/>
      <sheetName val="WŒvðŒ"/>
      <sheetName val="(旧)LIST"/>
      <sheetName val="º½Ä²¸_P-1"/>
      <sheetName val="駆動展開_MACRO1"/>
      <sheetName val="C3_N_DC改造投資1"/>
      <sheetName val="FTRQDKR10DI40"/>
      <sheetName val="座面面圧計算表の使用方法"/>
      <sheetName val="投資･工数推移"/>
      <sheetName val="C3_N_DC改造投資"/>
      <sheetName val="cover (FAD)"/>
      <sheetName val="º½Ä²¸ P-1"/>
      <sheetName val="Key Index"/>
      <sheetName val="Source"/>
      <sheetName val="H””ärQ"/>
      <sheetName val="表5-2 地区別CO2排出実績"/>
      <sheetName val="Annual Production"/>
      <sheetName val="出荷車型"/>
      <sheetName val="市販品"/>
      <sheetName val="特注品"/>
      <sheetName val="030718"/>
      <sheetName val="日程表_3X"/>
      <sheetName val="133NPR55_69_EC"/>
      <sheetName val="Distance_Master"/>
      <sheetName val="Driver_Master"/>
      <sheetName val="Truck_Master"/>
      <sheetName val="Allowance_Master"/>
      <sheetName val="TT_(13)"/>
      <sheetName val="Ass'y-A_(Day)"/>
      <sheetName val="A2_990"/>
      <sheetName val="価格一覧"/>
      <sheetName val="表示リスト（変更禁止）"/>
      <sheetName val="名簿ﾃﾞｰﾀ"/>
      <sheetName val="00年９末"/>
      <sheetName val="出図表"/>
      <sheetName val="データ"/>
      <sheetName val="Side &amp; Pole"/>
      <sheetName val="生産性評価集計用クエリ"/>
      <sheetName val="BAAC集計"/>
      <sheetName val="LIST1"/>
      <sheetName val="Datasheet"/>
      <sheetName val="テーブル"/>
      <sheetName val="調査依頼"/>
      <sheetName val="1"/>
      <sheetName val="P3"/>
      <sheetName val="評価ﾏﾄﾘｸｽ"/>
      <sheetName val="米国輸入ソース推移"/>
      <sheetName val="27.進捗管理"/>
      <sheetName val="Control fml"/>
      <sheetName val="THAI SPEC NO."/>
      <sheetName val="0) Route Planning"/>
      <sheetName val="D1) Driver List"/>
      <sheetName val="ﾃﾞｰﾀｼｰﾄ"/>
      <sheetName val="Form"/>
      <sheetName val="Structure"/>
      <sheetName val="CAP SEW.RFRJ Sale#2 "/>
      <sheetName val="COIL B-6"/>
      <sheetName val="K"/>
      <sheetName val="部門課題"/>
      <sheetName val="ocean voyage"/>
      <sheetName val="HUB-HOLDER ORI (2)"/>
      <sheetName val="HUB-HOLDER"/>
      <sheetName val="MASTER"/>
      <sheetName val="P2 BUDGET"/>
      <sheetName val="②-6菅原B第2解析パレート図"/>
      <sheetName val="車会集約"/>
      <sheetName val="クエリ2"/>
      <sheetName val="星取り"/>
      <sheetName val="実車評価ＥＤ"/>
      <sheetName val="COMMON 2"/>
      <sheetName val="選択肢"/>
      <sheetName val="MOTO"/>
      <sheetName val="Annual Sales"/>
      <sheetName val="課題一覧"/>
      <sheetName val="Draft Vehicle Format"/>
      <sheetName val="ﾊﾞﾗﾝｻｰcal"/>
      <sheetName val="ｺﾝﾛｯﾄﾞcal"/>
      <sheetName val="ｸﾗﾝｸｹｰｽcal"/>
      <sheetName val="#ofclose"/>
      <sheetName val="11.CPU単価"/>
      <sheetName val="08.P772報告書030530"/>
      <sheetName val="99"/>
      <sheetName val="集計用"/>
      <sheetName val="10"/>
      <sheetName val="90_2"/>
      <sheetName val="101"/>
      <sheetName val="19"/>
      <sheetName val="57F"/>
      <sheetName val="諸元まとめ"/>
      <sheetName val="TRY進捗"/>
      <sheetName val=" CV ALL"/>
      <sheetName val="総合B"/>
      <sheetName val="TF ; C-19"/>
      <sheetName val="Time study"/>
      <sheetName val="96期_川崎_"/>
      <sheetName val="Schedule(detail)"/>
      <sheetName val="DIEZEL動弁相場"/>
      <sheetName val="05-2"/>
      <sheetName val="連結新規"/>
      <sheetName val="実績台帳_クエリ"/>
      <sheetName val="ﾘｽﾄ"/>
      <sheetName val="日報"/>
      <sheetName val="リスト"/>
      <sheetName val="SPEC"/>
      <sheetName val="マン停"/>
      <sheetName val="朱書き（業種）"/>
      <sheetName val="1-C,D"/>
      <sheetName val="FUEL FILLER"/>
      <sheetName val="Tbom-tot"/>
      <sheetName val="업체명"/>
      <sheetName val="ORIGIN"/>
      <sheetName val="계산program"/>
      <sheetName val="Instructions"/>
      <sheetName val="FUEL_FILLER"/>
      <sheetName val="ﾟ発表No_1"/>
      <sheetName val="ｺｰﾄﾞ"/>
      <sheetName val="償却率"/>
      <sheetName val=""/>
      <sheetName val="TABLE(LINE CODE)"/>
      <sheetName val="ﾄﾞﾛｯﾌﾟﾀﾞｳﾝLIST"/>
      <sheetName val="選択リスト(削除不可)"/>
      <sheetName val="Selection"/>
      <sheetName val="【参考】ECMｿﾌﾄID"/>
      <sheetName val="Over all FS A"/>
      <sheetName val="DATE"/>
      <sheetName val="ทำข้อมูล"/>
      <sheetName val="Type I"/>
      <sheetName val="F4301"/>
      <sheetName val="試験依頼管理表"/>
      <sheetName val="(sys)"/>
      <sheetName val="ディクショナリ"/>
      <sheetName val="テーブル一覧"/>
      <sheetName val="NCAB"/>
      <sheetName val="実績原価"/>
      <sheetName val="Main Model"/>
      <sheetName val="_MISSION"/>
      <sheetName val="16,7"/>
      <sheetName val="F混流"/>
      <sheetName val="HOLE-UNIT TEMP"/>
      <sheetName val="05-3"/>
      <sheetName val="グラフ"/>
      <sheetName val="非稼働集計"/>
      <sheetName val="ﾍﾞﾝﾁ"/>
      <sheetName val="グループDB"/>
      <sheetName val="n_EngineShift"/>
      <sheetName val="1771"/>
      <sheetName val="1771.2"/>
      <sheetName val="RWP 33"/>
      <sheetName val="G&amp;A"/>
      <sheetName val="生涯利益計画ｼｰﾄ"/>
      <sheetName val="H””äŠr‚Q"/>
      <sheetName val="MAKER LIST &amp; Rate Change"/>
      <sheetName val="メーカー検索"/>
      <sheetName val="Summary Plant"/>
      <sheetName val="Progress Target 2019"/>
      <sheetName val="Sheet1(RZ)"/>
      <sheetName val="Sheet2(4J)"/>
      <sheetName val="SPEC_LIST1"/>
      <sheetName val="BP_volume_(2)1"/>
      <sheetName val="BP_volume1"/>
      <sheetName val="20kb_CR1"/>
      <sheetName val="summary_(BP_ISZJ_Mar'12)1"/>
      <sheetName val="PnL_2006_LE1"/>
      <sheetName val="Page_3_(Samrong_UA)1"/>
      <sheetName val="Page_4_(Gateway-TF)1"/>
      <sheetName val="P_11"/>
      <sheetName val="200P_SHEET1"/>
      <sheetName val="Table_Master1"/>
      <sheetName val="Master_Route1"/>
      <sheetName val="Unit_Price3"/>
      <sheetName val="Sheet1_(2)3"/>
      <sheetName val="Production_Database_3992"/>
      <sheetName val="[LR・LTｸﾚｰﾑ分析_xls塅䕃⹌塅Et1_(2)2"/>
      <sheetName val="_LR・LTｸﾚｰﾑ分析_xls塅䕃⹌塅Et1_(2)2"/>
      <sheetName val="Car_Input1"/>
      <sheetName val="MPL_技連2"/>
      <sheetName val="342E_BLOCK2"/>
      <sheetName val="NC-3_dAY1"/>
      <sheetName val="total_change&amp;add1"/>
      <sheetName val="G_Van_-_Price_Build_up1"/>
      <sheetName val="Injection_Foam_(4)1"/>
      <sheetName val="FB_sepa_S21"/>
      <sheetName val="Pick_up1"/>
      <sheetName val="part_list_ext_crew1"/>
      <sheetName val="342A_Block1"/>
      <sheetName val="〈参考〉_P_7_シフトINディテント力1"/>
      <sheetName val="EPW_06301"/>
      <sheetName val="1__Prod__(BG__TG___AC)_20161"/>
      <sheetName val="Compare_Budget_&amp;_Actual_Order1"/>
      <sheetName val="Distance_Master1"/>
      <sheetName val="Driver_Master1"/>
      <sheetName val="Truck_Master1"/>
      <sheetName val="Allowance_Master1"/>
      <sheetName val="A2_9901"/>
      <sheetName val="The_Rule"/>
      <sheetName val="ﾟ発表No_11"/>
      <sheetName val="R_GRILLE"/>
      <sheetName val="データシート(定地)_(2)"/>
      <sheetName val="2-A､B_3-A"/>
      <sheetName val="C3_N_DC改造投資2"/>
      <sheetName val="ap_17"/>
      <sheetName val="_FE_0919Cal_TP3"/>
      <sheetName val="LAY-OUT_"/>
      <sheetName val="Welding_#2"/>
      <sheetName val="Cap__Injection_"/>
      <sheetName val="3_Idea_Sewing_"/>
      <sheetName val="ES01_トルクカーブ_20121115"/>
      <sheetName val="p_no_Coil"/>
      <sheetName val="COIL_C3-6"/>
      <sheetName val="日程表_3X1"/>
      <sheetName val="133NPR55_69_EC1"/>
      <sheetName val="TT_(13)1"/>
      <sheetName val="Ass'y-A_(Day)1"/>
      <sheetName val="190BODY_EMATRIX"/>
      <sheetName val="Data_validation"/>
      <sheetName val="表5-2_地区別CO2排出実績"/>
      <sheetName val="cover_(FAD)"/>
      <sheetName val="º½Ä²¸_P-11"/>
      <sheetName val="Key_Index"/>
      <sheetName val="Annual_Production"/>
      <sheetName val="Side_&amp;_Pole"/>
      <sheetName val="27_進捗管理"/>
      <sheetName val="Control_fml"/>
      <sheetName val="COMMON_2"/>
      <sheetName val="Annual_Sales"/>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sheetData sheetId="139"/>
      <sheetData sheetId="140"/>
      <sheetData sheetId="14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sheetData sheetId="189" refreshError="1"/>
      <sheetData sheetId="190" refreshError="1"/>
      <sheetData sheetId="191" refreshError="1"/>
      <sheetData sheetId="192" refreshError="1"/>
      <sheetData sheetId="193" refreshError="1"/>
      <sheetData sheetId="194" refreshError="1"/>
      <sheetData sheetId="195" refreshError="1"/>
      <sheetData sheetId="196"/>
      <sheetData sheetId="197"/>
      <sheetData sheetId="198"/>
      <sheetData sheetId="199"/>
      <sheetData sheetId="200" refreshError="1"/>
      <sheetData sheetId="201" refreshError="1"/>
      <sheetData sheetId="202"/>
      <sheetData sheetId="203"/>
      <sheetData sheetId="204"/>
      <sheetData sheetId="205"/>
      <sheetData sheetId="206"/>
      <sheetData sheetId="207"/>
      <sheetData sheetId="208"/>
      <sheetData sheetId="209"/>
      <sheetData sheetId="210" refreshError="1"/>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refreshError="1"/>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refreshError="1"/>
      <sheetData sheetId="404" refreshError="1"/>
      <sheetData sheetId="405" refreshError="1"/>
      <sheetData sheetId="406" refreshError="1"/>
      <sheetData sheetId="407" refreshError="1"/>
      <sheetData sheetId="408" refreshError="1"/>
      <sheetData sheetId="409" refreshError="1"/>
      <sheetData sheetId="410" refreshError="1"/>
      <sheetData sheetId="411" refreshError="1"/>
      <sheetData sheetId="412" refreshError="1"/>
      <sheetData sheetId="413" refreshError="1"/>
      <sheetData sheetId="414" refreshError="1"/>
      <sheetData sheetId="415" refreshError="1"/>
      <sheetData sheetId="416" refreshError="1"/>
      <sheetData sheetId="417" refreshError="1"/>
      <sheetData sheetId="418" refreshError="1"/>
      <sheetData sheetId="419"/>
      <sheetData sheetId="420"/>
      <sheetData sheetId="421" refreshError="1"/>
      <sheetData sheetId="422" refreshError="1"/>
      <sheetData sheetId="423" refreshError="1"/>
      <sheetData sheetId="424" refreshError="1"/>
      <sheetData sheetId="425" refreshError="1"/>
      <sheetData sheetId="426" refreshError="1"/>
      <sheetData sheetId="427" refreshError="1"/>
      <sheetData sheetId="428" refreshError="1"/>
      <sheetData sheetId="429" refreshError="1"/>
      <sheetData sheetId="430" refreshError="1"/>
      <sheetData sheetId="431" refreshError="1"/>
      <sheetData sheetId="432" refreshError="1"/>
      <sheetData sheetId="433" refreshError="1"/>
      <sheetData sheetId="434" refreshError="1"/>
      <sheetData sheetId="435" refreshError="1"/>
      <sheetData sheetId="436" refreshError="1"/>
      <sheetData sheetId="437" refreshError="1"/>
      <sheetData sheetId="438" refreshError="1"/>
      <sheetData sheetId="439" refreshError="1"/>
      <sheetData sheetId="440" refreshError="1"/>
      <sheetData sheetId="441" refreshError="1"/>
      <sheetData sheetId="442" refreshError="1"/>
      <sheetData sheetId="443" refreshError="1"/>
      <sheetData sheetId="444" refreshError="1"/>
      <sheetData sheetId="445" refreshError="1"/>
      <sheetData sheetId="446" refreshError="1"/>
      <sheetData sheetId="447" refreshError="1"/>
      <sheetData sheetId="448" refreshError="1"/>
      <sheetData sheetId="449" refreshError="1"/>
      <sheetData sheetId="450" refreshError="1"/>
      <sheetData sheetId="451" refreshError="1"/>
      <sheetData sheetId="452" refreshError="1"/>
      <sheetData sheetId="453" refreshError="1"/>
      <sheetData sheetId="454" refreshError="1"/>
      <sheetData sheetId="455" refreshError="1"/>
      <sheetData sheetId="456" refreshError="1"/>
      <sheetData sheetId="457" refreshError="1"/>
      <sheetData sheetId="458" refreshError="1"/>
      <sheetData sheetId="459" refreshError="1"/>
      <sheetData sheetId="460" refreshError="1"/>
      <sheetData sheetId="461" refreshError="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sheetData sheetId="476"/>
      <sheetData sheetId="477"/>
      <sheetData sheetId="478"/>
      <sheetData sheetId="479"/>
      <sheetData sheetId="480"/>
      <sheetData sheetId="481"/>
      <sheetData sheetId="482"/>
      <sheetData sheetId="483"/>
      <sheetData sheetId="484"/>
      <sheetData sheetId="485"/>
      <sheetData sheetId="486"/>
      <sheetData sheetId="487"/>
      <sheetData sheetId="488"/>
      <sheetData sheetId="489"/>
      <sheetData sheetId="490"/>
      <sheetData sheetId="491"/>
      <sheetData sheetId="492"/>
      <sheetData sheetId="493"/>
      <sheetData sheetId="494"/>
      <sheetData sheetId="495"/>
      <sheetData sheetId="496"/>
      <sheetData sheetId="497"/>
      <sheetData sheetId="498"/>
      <sheetData sheetId="499"/>
      <sheetData sheetId="500"/>
      <sheetData sheetId="501"/>
      <sheetData sheetId="502"/>
      <sheetData sheetId="503"/>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φ520化"/>
      <sheetName val="BELT計算(ZXL)"/>
      <sheetName val="BELT計算(7m)"/>
      <sheetName val="NEW003"/>
      <sheetName val="ENG油洩れ"/>
      <sheetName val="業務計画"/>
      <sheetName val="ENG???"/>
      <sheetName val="ﾌﾟﾛﾄ_P772分解5号機"/>
      <sheetName val="HärQ"/>
      <sheetName val="99ﾊﾞｽ"/>
      <sheetName val="TIRE読み替え表"/>
      <sheetName val="入力分類"/>
      <sheetName val="NCAB"/>
      <sheetName val="出図表"/>
      <sheetName val="ENG___"/>
      <sheetName val="Years_Input"/>
      <sheetName val="H””äŠr‚Q"/>
      <sheetName val="98UBS"/>
      <sheetName val="ocean voyage"/>
      <sheetName val="選酋表"/>
      <sheetName val="Sheet2"/>
      <sheetName val="日付"/>
      <sheetName val="10"/>
      <sheetName val="Driver Master"/>
      <sheetName val="Truck Master"/>
      <sheetName val="ワークシート関数の使用例"/>
      <sheetName val="日産ｺﾓﾝR"/>
      <sheetName val="The Rule"/>
      <sheetName val="96期(川崎)"/>
      <sheetName val="投資ﾌｫﾛｰ"/>
      <sheetName val="#REF"/>
      <sheetName val="Sheet1"/>
      <sheetName val="HOLE-UNIT TEMP"/>
      <sheetName val="ラミナー計算"/>
      <sheetName val="MOTO"/>
      <sheetName val="total change&amp;add"/>
      <sheetName val="ﾃﾞｰﾀ"/>
      <sheetName val="ＴＦ関連Ｐｒｊ日程表"/>
      <sheetName val="累計(5日未満)20日付与"/>
      <sheetName val="PSM"/>
      <sheetName val="SVASM"/>
      <sheetName val="ライン別負荷"/>
      <sheetName val="計画表"/>
      <sheetName val="SV単品"/>
      <sheetName val="日当表"/>
      <sheetName val="2 3月　警報 制動タイミング"/>
      <sheetName val="警報・制動タイミング"/>
      <sheetName val="M_C圧による動作停止しない件"/>
      <sheetName val="4 5月　警報　制動タイミング"/>
      <sheetName val="諸元まとめ"/>
      <sheetName val="Data validation"/>
      <sheetName val="被水"/>
      <sheetName val="量産準備実施依頼書"/>
      <sheetName val="200307検収漏れ"/>
      <sheetName val="ocean_voyage"/>
      <sheetName val="Driver_Master"/>
      <sheetName val="Truck_Master"/>
      <sheetName val="The_Rule"/>
      <sheetName val="HOLE-UNIT_TEMP"/>
      <sheetName val="total_change&amp;add"/>
      <sheetName val="初期03"/>
      <sheetName val="TCﾃﾞｰﾀ"/>
      <sheetName val="【資料】730改造投資"/>
      <sheetName val="MH"/>
      <sheetName val="車会集約"/>
      <sheetName val="_01_004"/>
      <sheetName val="ocean_voyage1"/>
      <sheetName val="Driver_Master1"/>
      <sheetName val="Truck_Master1"/>
      <sheetName val="The_Rule1"/>
      <sheetName val="HOLE-UNIT_TEMP1"/>
      <sheetName val="total_change&amp;add1"/>
      <sheetName val="2_3月　警報_制動タイミング"/>
      <sheetName val="4_5月　警報　制動タイミング"/>
      <sheetName val="Data_validation"/>
      <sheetName val="表5-2 地区別CO2排出実績"/>
      <sheetName val="SUM14ZC1"/>
      <sheetName val="稼働時間"/>
      <sheetName val="00-1"/>
      <sheetName val="A2 990"/>
      <sheetName val="00年9月"/>
      <sheetName val="工数データ"/>
      <sheetName val="05-3"/>
      <sheetName val="ESM ver2"/>
      <sheetName val="生涯利益計画ｼｰﾄ"/>
      <sheetName val="製品マスター"/>
      <sheetName val="COVER"/>
      <sheetName val="ocean_voyage2"/>
      <sheetName val="Driver_Master2"/>
      <sheetName val="Truck_Master2"/>
      <sheetName val="The_Rule2"/>
      <sheetName val="HOLE-UNIT_TEMP2"/>
      <sheetName val="total_change&amp;add2"/>
      <sheetName val="2_3月　警報_制動タイミング1"/>
      <sheetName val="4_5月　警報　制動タイミング1"/>
      <sheetName val="Data_validation1"/>
      <sheetName val="表5-2_地区別CO2排出実績"/>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sheetData sheetId="68"/>
      <sheetData sheetId="69"/>
      <sheetData sheetId="70"/>
      <sheetData sheetId="71"/>
      <sheetData sheetId="72"/>
      <sheetData sheetId="73"/>
      <sheetData sheetId="74"/>
      <sheetData sheetId="75"/>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sheetData sheetId="89"/>
      <sheetData sheetId="90"/>
      <sheetData sheetId="91"/>
      <sheetData sheetId="92"/>
      <sheetData sheetId="93"/>
      <sheetData sheetId="94"/>
      <sheetData sheetId="95"/>
      <sheetData sheetId="96" refreshError="1"/>
      <sheetData sheetId="97"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第1期"/>
      <sheetName val="02MY"/>
      <sheetName val="150K-1"/>
      <sheetName val="150K-2"/>
      <sheetName val="180K投資"/>
      <sheetName val="96期(川崎)"/>
      <sheetName val="集計条件"/>
      <sheetName val="第1期投資実績"/>
      <sheetName val="02MY投資実績"/>
      <sheetName val="150K-1投資"/>
      <sheetName val="150K-2投資"/>
      <sheetName val="96_97研究費_全体"/>
      <sheetName val="LR・LTｸﾚｰﾑ分析"/>
      <sheetName val="ＴＦ関連Ｐｒｊ日程表"/>
      <sheetName val="ITEM"/>
      <sheetName val="本船スケジュール"/>
      <sheetName val="見本２"/>
      <sheetName val="コード表"/>
      <sheetName val="出荷計画"/>
      <sheetName val="MPL 技連"/>
      <sheetName val="342E BLOCK"/>
      <sheetName val="MPL_技連"/>
      <sheetName val="342E_BLOCK"/>
      <sheetName val="資本ｺｽﾄ"/>
      <sheetName val="00年9月"/>
      <sheetName val="Defects"/>
      <sheetName val="SPEC LIST"/>
      <sheetName val="24204"/>
      <sheetName val="Unit Price"/>
      <sheetName val="生産台数内訳"/>
      <sheetName val="クライテリア"/>
      <sheetName val="資料_700部品点数設定"/>
      <sheetName val="ISO_250"/>
      <sheetName val="NC-3 dAY"/>
      <sheetName val="原単位"/>
      <sheetName val="Production Database 399"/>
      <sheetName val="成形場所"/>
      <sheetName val="ｴｱﾃﾞｨｽｸ"/>
      <sheetName val="Ref"/>
      <sheetName val="BELT検討"/>
      <sheetName val="推移用データ"/>
      <sheetName val="対策集計結果"/>
      <sheetName val="社暦"/>
      <sheetName val="マスター"/>
      <sheetName val="シャープアイ実績"/>
      <sheetName val="total change&amp;add"/>
      <sheetName val="HärQ"/>
      <sheetName val="工数比較２"/>
      <sheetName val="2TUP"/>
      <sheetName val="#REF"/>
      <sheetName val="BP volume (2)"/>
      <sheetName val="BP volume"/>
      <sheetName val="RT50実績(11FY)"/>
      <sheetName val="RT50実績・予測-120620"/>
      <sheetName val="20kb CR"/>
      <sheetName val="RT50実績・予測"/>
      <sheetName val="summary (BP ISZJ Mar'12)"/>
      <sheetName val="R＆遡及-120620"/>
      <sheetName val="選酋表"/>
      <sheetName val="PnL_BUD06"/>
      <sheetName val="PnL_2006 LE"/>
      <sheetName val="FixedAsset05&amp;06"/>
      <sheetName val="Cover"/>
      <sheetName val="Master Route"/>
      <sheetName val="DATA"/>
      <sheetName val="Sheet1"/>
      <sheetName val="Sheet2"/>
      <sheetName val="Sheet3"/>
      <sheetName val="各部寸検結果"/>
      <sheetName val="A"/>
      <sheetName val="00-1"/>
      <sheetName val="Sheet1 (2)"/>
      <sheetName val="FUKUMI"/>
      <sheetName val="(原単位)"/>
      <sheetName val="[LR・LTｸﾚｰﾑ分析.xls塅䕃⹌塅Et1 (2)"/>
      <sheetName val="日付"/>
      <sheetName val="基本情報ｄｂ"/>
      <sheetName val="財務諸表"/>
      <sheetName val="Sheet1_(2)"/>
      <sheetName val="Unit_Price"/>
      <sheetName val="名簿データ"/>
      <sheetName val="Table"/>
      <sheetName val="calculate"/>
      <sheetName val="日程表 3X"/>
      <sheetName val="DATA計"/>
      <sheetName val="SW評価項目"/>
      <sheetName val="計算結果"/>
      <sheetName val="List"/>
      <sheetName val="Page 3 (Samrong UA)"/>
      <sheetName val="Page 4 (Gateway-TF)"/>
      <sheetName val="P.1"/>
      <sheetName val="Snp"/>
      <sheetName val="1-A､B"/>
      <sheetName val="200P SHEET"/>
      <sheetName val="OD"/>
      <sheetName val="Table Master"/>
      <sheetName val="ﾏｸﾛ説明"/>
      <sheetName val="実績推移"/>
      <sheetName val="พงศ์พร"/>
      <sheetName val="SCH"/>
      <sheetName val="ﾊﾟｲﾌﾟ"/>
      <sheetName val="他材料費"/>
      <sheetName val="冷延鋼板"/>
      <sheetName val="熱延鋼板"/>
      <sheetName val="_LR・LTｸﾚｰﾑ分析.xls塅䕃⹌塅Et1 (2)"/>
      <sheetName val="MOD"/>
      <sheetName val="rate"/>
      <sheetName val="入力シート"/>
      <sheetName val="6SWRF_W"/>
      <sheetName val="日程"/>
      <sheetName val="ＦＴＲ連結採算"/>
      <sheetName val="96・(・・)"/>
      <sheetName val="350CXZCO"/>
      <sheetName val="進め方"/>
      <sheetName val="ヘッダ"/>
      <sheetName val="台帳集計"/>
      <sheetName val="条件表"/>
      <sheetName val="社内検査データ"/>
      <sheetName val="量産準備実施依頼書"/>
      <sheetName val="ワークシート関数の使用例"/>
      <sheetName val="342A Block"/>
      <sheetName val="方策系入力表"/>
      <sheetName val="Sheet1_(2)1"/>
      <sheetName val="Unit_Price1"/>
      <sheetName val="[LR・LTｸﾚｰﾑ分析_xls塅䕃⹌塅Et1_(2)"/>
      <sheetName val="Production_Database_399"/>
      <sheetName val="_LR・LTｸﾚｰﾑ分析_xls塅䕃⹌塅Et1_(2)"/>
      <sheetName val="職種別原価"/>
      <sheetName val="入力表"/>
      <sheetName val="TB3川崎"/>
      <sheetName val="ASM#1-Eff"/>
      <sheetName val="一覧と近似式"/>
      <sheetName val="業務計画"/>
      <sheetName val="仕上１"/>
      <sheetName val="複合-日計算"/>
      <sheetName val="車両寸法"/>
      <sheetName val="灯火器寸法"/>
      <sheetName val="133NPR55 69 EC"/>
      <sheetName val="Distance Master"/>
      <sheetName val="Driver Master"/>
      <sheetName val="Truck Master"/>
      <sheetName val="Allowance Master"/>
      <sheetName val="結果"/>
      <sheetName val="NEW003"/>
      <sheetName val="Car Input"/>
      <sheetName val="Summary"/>
      <sheetName val="1-E"/>
      <sheetName val="150K_1投資"/>
      <sheetName val="150K_2投資"/>
      <sheetName val="〈参考〉_P.7_シフトINディテント力"/>
      <sheetName val="TM"/>
      <sheetName val="材質検査（N増し書換済）"/>
      <sheetName val="ﾌﾟﾙﾀﾞｳﾝﾒﾆｭｰ用ｺｰﾄﾞ表"/>
      <sheetName val="進捗確認"/>
      <sheetName val="R&amp;D"/>
      <sheetName val="基準"/>
      <sheetName val="11月"/>
      <sheetName val="新規00上ｸﾞﾗﾌ"/>
      <sheetName val="会社概況(国内)"/>
      <sheetName val="見積依頼書(海外)"/>
      <sheetName val="FB sepa S2"/>
      <sheetName val="TT (13)"/>
      <sheetName val="AS-A"/>
      <sheetName val="SR-AU(N)"/>
      <sheetName val="SR-AU"/>
      <sheetName val="EF"/>
      <sheetName val="初期値"/>
      <sheetName val="Ass'y-A (Day)"/>
      <sheetName val="予算推移"/>
      <sheetName val="駆動系1"/>
      <sheetName val="_B007"/>
      <sheetName val="346Proj日程991124"/>
      <sheetName val="part list ext crew"/>
      <sheetName val="Years_Input"/>
      <sheetName val="制動力線計算入力"/>
      <sheetName val="A2 990"/>
      <sheetName val="A-K研車型"/>
      <sheetName val="ﾏﾙC改造投資詳細"/>
      <sheetName val="金額"/>
      <sheetName val="DB"/>
      <sheetName val="SMALL"/>
      <sheetName val="A010"/>
      <sheetName val="#20号車排ガス"/>
      <sheetName val="DOM-競合車SPEC"/>
      <sheetName val="SUM"/>
      <sheetName val="G Van - Price Build up"/>
      <sheetName val="Injection Foam (4)"/>
      <sheetName val="MENU"/>
      <sheetName val="PL"/>
      <sheetName val="EPW 0630"/>
      <sheetName val="input"/>
      <sheetName val="ﾃﾞｰﾀ"/>
      <sheetName val="WJ素材費"/>
      <sheetName val="190BODY EMATRIX"/>
      <sheetName val="分類"/>
      <sheetName val="駆動力（入力シート）"/>
      <sheetName val="700vol"/>
      <sheetName val="Annual Production"/>
      <sheetName val="出荷車型"/>
      <sheetName val="TIRE読み替え表"/>
      <sheetName val="市販品"/>
      <sheetName val="特注品"/>
      <sheetName val="030718"/>
      <sheetName val="MPL_技連1"/>
      <sheetName val="342E_BLOCK1"/>
      <sheetName val="SPEC_LIST"/>
      <sheetName val="Unit_Price2"/>
      <sheetName val="NC-3_dAY"/>
      <sheetName val="Production_Database_3991"/>
      <sheetName val="total_change&amp;add"/>
      <sheetName val="BP_volume_(2)"/>
      <sheetName val="BP_volume"/>
      <sheetName val="20kb_CR"/>
      <sheetName val="summary_(BP_ISZJ_Mar'12)"/>
      <sheetName val="PnL_2006_LE"/>
      <sheetName val="Master_Route"/>
      <sheetName val="Sheet1_(2)2"/>
      <sheetName val="[LR・LTｸﾚｰﾑ分析_xls塅䕃⹌塅Et1_(2)1"/>
      <sheetName val="日程表_3X"/>
      <sheetName val="Page_3_(Samrong_UA)"/>
      <sheetName val="Page_4_(Gateway-TF)"/>
      <sheetName val="P_1"/>
      <sheetName val="200P_SHEET"/>
      <sheetName val="Table_Master"/>
      <sheetName val="_LR・LTｸﾚｰﾑ分析_xls塅䕃⹌塅Et1_(2)1"/>
      <sheetName val="342A_Block"/>
      <sheetName val="133NPR55_69_EC"/>
      <sheetName val="Distance_Master"/>
      <sheetName val="Driver_Master"/>
      <sheetName val="Truck_Master"/>
      <sheetName val="Allowance_Master"/>
      <sheetName val="Car_Input"/>
      <sheetName val="〈参考〉_P_7_シフトINディテント力"/>
      <sheetName val="FB_sepa_S2"/>
      <sheetName val="TT_(13)"/>
      <sheetName val="Ass'y-A_(Day)"/>
      <sheetName val="part_list_ext_crew"/>
      <sheetName val="A2_990"/>
      <sheetName val="G_Van_-_Price_Build_up"/>
      <sheetName val="Injection_Foam_(4)"/>
      <sheetName val="EPW_0630"/>
      <sheetName val="価格一覧"/>
      <sheetName val="ﾍﾞﾝﾁ"/>
      <sheetName val="洩れ"/>
      <sheetName val="グループDB"/>
      <sheetName val="WG_00"/>
      <sheetName val="2000_ALL"/>
      <sheetName val="SUS_00"/>
      <sheetName val="Pick up"/>
      <sheetName val="Result"/>
      <sheetName val="2005"/>
      <sheetName val="プロジェクトステータス　4J(ELF)"/>
      <sheetName val="T"/>
      <sheetName val="MOTO"/>
      <sheetName val="Annual Sales"/>
      <sheetName val="実車評価ＥＤ"/>
      <sheetName val="②-6菅原B第2解析パレート図"/>
      <sheetName val="車会集約"/>
      <sheetName val="クエリ2"/>
      <sheetName val="星取り"/>
      <sheetName val="変更項目・評価内容"/>
      <sheetName val="耐久進捗data"/>
      <sheetName val="全社"/>
      <sheetName val="_CONFIG-2"/>
      <sheetName val="PROD-TF"/>
      <sheetName val="Input-B2006wk"/>
      <sheetName val="Index"/>
      <sheetName val="1. Prod. (BG  TG   AC) 2016"/>
      <sheetName val="Compare Budget &amp; Actual Order"/>
      <sheetName val="The Rule"/>
      <sheetName val="ﾟ発表No 1"/>
      <sheetName val="市場品質状況レポート"/>
      <sheetName val="HX121-T"/>
      <sheetName val="新コード"/>
      <sheetName val="ｺｰﾄﾞ表"/>
      <sheetName val="R GRILLE"/>
      <sheetName val="ラミナー計算"/>
      <sheetName val="課題実施計画書"/>
      <sheetName val="NK仕様21"/>
      <sheetName val="データシート(定地) (2)"/>
      <sheetName val="2-A､B 3-A"/>
      <sheetName val="C3_N DC改造投資"/>
      <sheetName val="6W"/>
      <sheetName val="ap 17"/>
      <sheetName val="Data-Qｽｲｰﾌﾟ"/>
      <sheetName val="Data-NEｽｲｰﾌﾟ"/>
      <sheetName val="Data-ΔQ"/>
      <sheetName val="Data-ΔNE(50)"/>
      <sheetName val=" FE 0919Cal TP3"/>
      <sheetName val="燃費3"/>
      <sheetName val="機能リスト"/>
      <sheetName val="Wvð"/>
      <sheetName val="NCeA"/>
      <sheetName val="LAY-OUT "/>
      <sheetName val="表示"/>
      <sheetName val="商品明細(KD)"/>
      <sheetName val="品質保証責任者届"/>
      <sheetName val="【資料】730改造投資"/>
      <sheetName val="計画"/>
      <sheetName val="ES01 トルクカーブ 20121115"/>
      <sheetName val="LCV"/>
      <sheetName val="RS"/>
      <sheetName val="Welding #2"/>
      <sheetName val="Cap. Injection "/>
      <sheetName val="RR"/>
      <sheetName val="3.Idea.Sewing "/>
      <sheetName val="Average"/>
      <sheetName val="ｼｬｼ"/>
      <sheetName val="DATA_MANUAL"/>
      <sheetName val="Pick_up"/>
      <sheetName val="1__Prod__(BG__TG___AC)_2016"/>
      <sheetName val="Compare_Budget_&amp;_Actual_Order"/>
      <sheetName val="SHOT-A(N)"/>
      <sheetName val="板厚-ｺｲﾙ巾"/>
      <sheetName val="マスタ"/>
      <sheetName val="W-15F"/>
      <sheetName val="A000"/>
      <sheetName val="AxleShft"/>
      <sheetName val="Brake"/>
      <sheetName val="Clutch"/>
      <sheetName val="result_data"/>
      <sheetName val="グラフ_距離"/>
      <sheetName val="Final"/>
      <sheetName val="Hoki"/>
      <sheetName val="mode"/>
      <sheetName val="その他"/>
      <sheetName val="Prop"/>
      <sheetName val="Tire"/>
      <sheetName val="単位"/>
      <sheetName val="表示リスト（変更禁止）"/>
      <sheetName val="名簿ﾃﾞｰﾀ"/>
      <sheetName val="00年９末"/>
      <sheetName val="出図表"/>
      <sheetName val="データ"/>
      <sheetName val="Side &amp; Pole"/>
      <sheetName val="生産性評価集計用クエリ"/>
      <sheetName val="BAAC集計"/>
      <sheetName val="LIST1"/>
      <sheetName val="Datasheet"/>
      <sheetName val="テーブル"/>
      <sheetName val="調査依頼"/>
      <sheetName val="1"/>
      <sheetName val="P3"/>
      <sheetName val="評価ﾏﾄﾘｸｽ"/>
      <sheetName val="米国輸入ソース推移"/>
      <sheetName val="27.進捗管理"/>
      <sheetName val="座面面圧計算表の使用方法"/>
      <sheetName val="Control fml"/>
      <sheetName val="CRITERIA1"/>
      <sheetName val="PPA -  โรงงาน JIG"/>
      <sheetName val="ヘム型タイプ標準計画金額表"/>
      <sheetName val="取引先格付"/>
      <sheetName val="案"/>
      <sheetName val="10"/>
      <sheetName val="運用CT_クエリ_クエリ"/>
      <sheetName val="DATA NILAI TEST BATCH 1"/>
      <sheetName val="RWP 33"/>
      <sheetName val="G&amp;A"/>
      <sheetName val="114W2次設変部品確認（組立） (3)"/>
      <sheetName val="重量表コピー"/>
      <sheetName val="U00"/>
      <sheetName val="COMMON 2"/>
      <sheetName val="選択肢"/>
      <sheetName val="課題一覧"/>
      <sheetName val="Draft Vehicle Format"/>
      <sheetName val="ﾊﾞﾗﾝｻｰcal"/>
      <sheetName val="ｺﾝﾛｯﾄﾞcal"/>
      <sheetName val="ｸﾗﾝｸｹｰｽcal"/>
      <sheetName val="#ofclose"/>
      <sheetName val="Type I"/>
      <sheetName val="F4301"/>
      <sheetName val="試験依頼管理表"/>
      <sheetName val="(sys)"/>
      <sheetName val="ディクショナリ"/>
      <sheetName val="テーブル一覧"/>
      <sheetName val="NCAB"/>
      <sheetName val="実績台帳_クエリ"/>
      <sheetName val="ﾘｽﾄ"/>
      <sheetName val="見積依頼書(日文)"/>
      <sheetName val="03年全部"/>
      <sheetName val="#REF!"/>
      <sheetName val="受入新仕入先"/>
      <sheetName val="GRAFIK CYB 270"/>
      <sheetName val="ocean voyage"/>
      <sheetName val="11.CPU単価"/>
      <sheetName val="08.P772報告書030530"/>
      <sheetName val="99"/>
      <sheetName val="集計用"/>
      <sheetName val="90_2"/>
      <sheetName val="101"/>
      <sheetName val="19"/>
      <sheetName val="57F"/>
      <sheetName val="諸元まとめ"/>
      <sheetName val="TRY進捗"/>
      <sheetName val=" CV ALL"/>
      <sheetName val="総合B"/>
      <sheetName val="TF ; C-19"/>
      <sheetName val="Time study"/>
      <sheetName val="96期_川崎_"/>
      <sheetName val="DIEZEL動弁相場"/>
      <sheetName val="05-2"/>
      <sheetName val="連結新規"/>
      <sheetName val="日報"/>
      <sheetName val="Schedule(detail)"/>
      <sheetName val="マン停"/>
      <sheetName val="1-C,D"/>
      <sheetName val="朱書き（業種）"/>
      <sheetName val="เดือน ธ.ค.61    (2)"/>
      <sheetName val="H””ärQ"/>
      <sheetName val="MPL_技連2"/>
      <sheetName val="342E_BLOCK2"/>
      <sheetName val="SPEC_LIST1"/>
      <sheetName val="Unit_Price3"/>
      <sheetName val="NC-3_dAY1"/>
      <sheetName val="Production_Database_3992"/>
      <sheetName val="total_change&amp;add1"/>
      <sheetName val="BP_volume_(2)1"/>
      <sheetName val="BP_volume1"/>
      <sheetName val="20kb_CR1"/>
      <sheetName val="summary_(BP_ISZJ_Mar'12)1"/>
      <sheetName val="PnL_2006_LE1"/>
      <sheetName val="Master_Route1"/>
      <sheetName val="Sheet1_(2)3"/>
      <sheetName val="[LR・LTｸﾚｰﾑ分析_xls塅䕃⹌塅Et1_(2)2"/>
      <sheetName val="日程表_3X1"/>
      <sheetName val="Page_3_(Samrong_UA)1"/>
      <sheetName val="Page_4_(Gateway-TF)1"/>
      <sheetName val="P_11"/>
      <sheetName val="200P_SHEET1"/>
      <sheetName val="Table_Master1"/>
      <sheetName val="_LR・LTｸﾚｰﾑ分析_xls塅䕃⹌塅Et1_(2)2"/>
      <sheetName val="342A_Block1"/>
      <sheetName val="133NPR55_69_EC1"/>
      <sheetName val="Distance_Master1"/>
      <sheetName val="Driver_Master1"/>
      <sheetName val="Truck_Master1"/>
      <sheetName val="Allowance_Master1"/>
      <sheetName val="Car_Input1"/>
      <sheetName val="〈参考〉_P_7_シフトINディテント力1"/>
      <sheetName val="FB_sepa_S21"/>
      <sheetName val="TT_(13)1"/>
      <sheetName val="Ass'y-A_(Day)1"/>
      <sheetName val="part_list_ext_crew1"/>
      <sheetName val="A2_9901"/>
      <sheetName val="G_Van_-_Price_Build_up1"/>
      <sheetName val="Injection_Foam_(4)1"/>
      <sheetName val="EPW_06301"/>
      <sheetName val="190BODY_EMATRIX"/>
      <sheetName val="Annual_Production"/>
      <sheetName val="Pick_up1"/>
      <sheetName val="Annual_Sales"/>
      <sheetName val="PPA_-__โรงงาน_JIG"/>
      <sheetName val="1__Prod__(BG__TG___AC)_20161"/>
      <sheetName val="Compare_Budget_&amp;_Actual_Order1"/>
      <sheetName val="The_Rule"/>
      <sheetName val="ﾟ発表No_1"/>
      <sheetName val="R_GRILLE"/>
      <sheetName val="データシート(定地)_(2)"/>
      <sheetName val="2-A､B_3-A"/>
      <sheetName val="C3_N_DC改造投資"/>
      <sheetName val="ap_17"/>
      <sheetName val="_FE_0919Cal_TP3"/>
      <sheetName val="LAY-OUT_"/>
      <sheetName val="ES01_トルクカーブ_20121115"/>
      <sheetName val="Welding_#2"/>
      <sheetName val="Cap__Injection_"/>
      <sheetName val="3_Idea_Sewing_"/>
      <sheetName val="Side_&amp;_Pole"/>
      <sheetName val="27_進捗管理"/>
      <sheetName val="Control_fml"/>
      <sheetName val="RWP_33"/>
      <sheetName val="DATA_NILAI_TEST_BATCH_1"/>
      <sheetName val="114W2次設変部品確認（組立）_(3)"/>
      <sheetName val="COMMON_2"/>
      <sheetName val="Draft_Vehicle_Format"/>
      <sheetName val="Type_I"/>
      <sheetName val="FUEL FILLER"/>
      <sheetName val="Tbom-tot"/>
      <sheetName val="업체명"/>
      <sheetName val="ORIGIN"/>
      <sheetName val="계산program"/>
      <sheetName val="Instructions"/>
      <sheetName val="FUEL_FILLER"/>
      <sheetName val="Data Validation"/>
      <sheetName val="実績原価"/>
      <sheetName val="Main Model"/>
      <sheetName val="_MISSION"/>
      <sheetName val="16,7"/>
      <sheetName val="F混流"/>
      <sheetName val="HOLE-UNIT TEMP"/>
      <sheetName val="05-3"/>
      <sheetName val="グラフ"/>
      <sheetName val="非稼働集計"/>
      <sheetName val="ｺｰﾄﾞ"/>
      <sheetName val="償却率"/>
      <sheetName val="ﾄﾞﾛｯﾌﾟﾀﾞｳﾝLIST"/>
      <sheetName val=""/>
      <sheetName val="TABLE(LINE CODE)"/>
      <sheetName val="n_EngineShift"/>
      <sheetName val="1771"/>
      <sheetName val="1771.2"/>
      <sheetName val="生涯利益計画ｼｰﾄ"/>
      <sheetName val="H””äŠr‚Q"/>
      <sheetName val="MAKER LIST &amp; Rate Change"/>
      <sheetName val="メーカー検索"/>
      <sheetName val="MPL_技連3"/>
      <sheetName val="342E_BLOCK3"/>
      <sheetName val="SPEC_LIST2"/>
      <sheetName val="Unit_Price4"/>
      <sheetName val="NC-3_dAY2"/>
      <sheetName val="Production_Database_3993"/>
      <sheetName val="total_change&amp;add2"/>
      <sheetName val="BP_volume_(2)2"/>
      <sheetName val="BP_volume2"/>
      <sheetName val="20kb_CR2"/>
      <sheetName val="summary_(BP_ISZJ_Mar'12)2"/>
      <sheetName val="PnL_2006_LE2"/>
      <sheetName val="Master_Route2"/>
      <sheetName val="Sheet1_(2)4"/>
      <sheetName val="[LR・LTｸﾚｰﾑ分析_xls塅䕃⹌塅Et1_(2)3"/>
      <sheetName val="日程表_3X2"/>
      <sheetName val="Page_3_(Samrong_UA)2"/>
      <sheetName val="Page_4_(Gateway-TF)2"/>
      <sheetName val="P_12"/>
      <sheetName val="200P_SHEET2"/>
      <sheetName val="Table_Master2"/>
      <sheetName val="_LR・LTｸﾚｰﾑ分析_xls塅䕃⹌塅Et1_(2)3"/>
      <sheetName val="342A_Block2"/>
      <sheetName val="133NPR55_69_EC2"/>
      <sheetName val="Distance_Master2"/>
      <sheetName val="Driver_Master2"/>
      <sheetName val="Truck_Master2"/>
      <sheetName val="Allowance_Master2"/>
      <sheetName val="Car_Input2"/>
      <sheetName val="〈参考〉_P_7_シフトINディテント力2"/>
      <sheetName val="FB_sepa_S22"/>
      <sheetName val="TT_(13)2"/>
      <sheetName val="Ass'y-A_(Day)2"/>
      <sheetName val="part_list_ext_crew2"/>
      <sheetName val="A2_9902"/>
      <sheetName val="G_Van_-_Price_Build_up2"/>
      <sheetName val="Injection_Foam_(4)2"/>
      <sheetName val="EPW_06302"/>
      <sheetName val="190BODY_EMATRIX1"/>
      <sheetName val="Annual_Production1"/>
      <sheetName val="Pick_up2"/>
      <sheetName val="Annual_Sales1"/>
      <sheetName val="PPA_-__โรงงาน_JIG1"/>
      <sheetName val="1__Prod__(BG__TG___AC)_20162"/>
      <sheetName val="Compare_Budget_&amp;_Actual_Order2"/>
      <sheetName val="The_Rule1"/>
      <sheetName val="ﾟ発表No_11"/>
      <sheetName val="R_GRILLE1"/>
      <sheetName val="データシート(定地)_(2)1"/>
      <sheetName val="2-A､B_3-A1"/>
      <sheetName val="C3_N_DC改造投資1"/>
      <sheetName val="ap_171"/>
      <sheetName val="_FE_0919Cal_TP31"/>
      <sheetName val="LAY-OUT_1"/>
      <sheetName val="ES01_トルクカーブ_201211151"/>
      <sheetName val="Welding_#21"/>
      <sheetName val="Cap__Injection_1"/>
      <sheetName val="3_Idea_Sewing_1"/>
      <sheetName val="Side_&amp;_Pole1"/>
      <sheetName val="27_進捗管理1"/>
      <sheetName val="Control_fml1"/>
      <sheetName val="RWP_331"/>
      <sheetName val="DATA_NILAI_TEST_BATCH_11"/>
      <sheetName val="114W2次設変部品確認（組立）_(3)1"/>
      <sheetName val="COMMON_21"/>
      <sheetName val="Draft_Vehicle_Format1"/>
      <sheetName val="Type_I1"/>
      <sheetName val="ocean_voyage"/>
      <sheetName val="11_CPU単価"/>
      <sheetName val="08_P772報告書030530"/>
      <sheetName val="_CV_ALL"/>
      <sheetName val="TF_;_C-19"/>
      <sheetName val="Time_study"/>
      <sheetName val="FUEL_FILLER1"/>
      <sheetName val="Data_Validation"/>
      <sheetName val="Main_Model"/>
      <sheetName val="HOLE-UNIT_TEMP"/>
      <sheetName val="TABLE(LINE_CODE)"/>
      <sheetName val="1771_2"/>
      <sheetName val="MAKER_LIST_&amp;_Rate_Change"/>
      <sheetName val="Summary Plant"/>
      <sheetName val="工程表"/>
      <sheetName val="4.กราฟ  จ้างเหมา61-62"/>
      <sheetName val="SUM TYCT1ST#040(สีโซลิค)"/>
      <sheetName val="SUM TYCT1ST#1D6(สีเมทาลิค"/>
      <sheetName val="DATA BASE D-CAB(ห้ามลบ)"/>
      <sheetName val="PRESS LINE TYCT1ST"/>
      <sheetName val="Welding SMM2.PRESS TYCT1ST"/>
      <sheetName val="Welding SR TYCT1ST"/>
      <sheetName val="Paint Line TYCT1#040(SOLID)"/>
      <sheetName val="Paint Line TYCT1#1D6(เมทาลิค)"/>
      <sheetName val="ASSEMBLY TYCT1ST สีชา"/>
      <sheetName val="Packing TYCT1ST"/>
      <sheetName val="+PALLET Packing C-CAB TYCT1ST"/>
      <sheetName val="ข้อมูลต้นฉบันธวัตร์TYCV5"/>
      <sheetName val="ธวัตร์-Welding SMM2.56"/>
      <sheetName val="SUM TYCT1+PALLET(สีโซลิค)"/>
      <sheetName val="SUM TYCT1+PALLET(สีเมทาลิค"/>
      <sheetName val="SUM TYCT1+กล่องกระดาษ(สีโซลิค)"/>
      <sheetName val="SUM TYCT1+กล่องกระดาษ(สีเมทาลิค"/>
      <sheetName val="+PALLET Packing C-CAB TYCT1"/>
      <sheetName val="ABC COST TYCT1ST-040,1CO PACK S"/>
      <sheetName val="Net Sales (Monthly) Projection"/>
      <sheetName val="TTO2-B43#FCPA"/>
      <sheetName val="日デ建設特装"/>
      <sheetName val="投資ﾘｽﾄ"/>
      <sheetName val="社員マスター"/>
      <sheetName val="toyota"/>
      <sheetName val="CRITERIA2"/>
      <sheetName val="กราฟ % on time ของปัญหา"/>
      <sheetName val="เปิดโครงการ ท-ส V2 TOYOTA640A"/>
      <sheetName val="จม.เสนอDIE+INS SIDE OTR V2"/>
      <sheetName val="จม.feasDIE BASE ROOF V2 IMV640A"/>
      <sheetName val="แนบ1 V2 TOYOTA IMV640A(2015)"/>
      <sheetName val="V2 TOYOTA 640A CAB,D-C 17-03-15"/>
      <sheetName val="แนบ 2 V2_9-3-15จากDIE DESIGN"/>
      <sheetName val="แนบ2 V1-7-3-15จากDIE DESIGN"/>
      <sheetName val="แนบ3 BEP V2 T.IMV640A(14.06ลบ.)"/>
      <sheetName val="INTEREST RATE(7%)"/>
      <sheetName val="V0_27-2-15จากDIE DESIGN"/>
      <sheetName val="แนบ4 SUM IMV640A V2 DC(ในปท+1CO"/>
      <sheetName val="แนบ5 SUM IMV640A V2 CC(ในปท+1CO"/>
      <sheetName val="แนบ6 SUM IMV640A V2 DC(EDP+1CO)"/>
      <sheetName val="แนบ7 SUM IMV640A V2 CC(EDP+1CO"/>
      <sheetName val="DIE COST V2 TOYOTA"/>
      <sheetName val="A.J.COST V2 TOYOTA"/>
      <sheetName val="TRIM COST V2 TOYOTA"/>
      <sheetName val="แนบ10 Press Line(D-CAB)"/>
      <sheetName val="แนบ11 Welding Line PRESS(D-CAB)"/>
      <sheetName val="แนบ12 Welding Line SR D-CAB"/>
      <sheetName val="แนบ13 Painting D-CAB(NO EDP+1CO"/>
      <sheetName val="แนบ14 Painting Line D-C(EDP+1CO"/>
      <sheetName val="แนบ15 Ass'y Line D-CAB(glass sl"/>
      <sheetName val="แนบ16 Packing Line(D-C)domestic"/>
      <sheetName val="แนบ17 Packing Line(D-C)export"/>
      <sheetName val="แนบ18 Press Line(C-CAB)"/>
      <sheetName val="แนบ19 Welding Line PRESS(C-CAB)"/>
      <sheetName val="แนบ20 Welding Line SR(C-CAB)"/>
      <sheetName val="แนบ21 Painting C-CAB(NO EDP+1CO"/>
      <sheetName val="แนบ22 Painting C-CAB(EDP+1CO)"/>
      <sheetName val="แนบ23 Ass'y Line C-CAB(glass sl"/>
      <sheetName val="แนบ24 Packing Line(C-C)domestic"/>
      <sheetName val="แนบ25 Packing Line(C-C)export"/>
      <sheetName val="DATA BASE C-CABห้ามลบ"/>
      <sheetName val="TRIM PART แยกกลุ่มย่อย"/>
      <sheetName val="DRY VAN. ปะหน้า QA.SMT-2ตั้ม"/>
      <sheetName val="0409"/>
      <sheetName val="Bracket 0M011,13"/>
      <sheetName val="項目定義"/>
      <sheetName val="購買担当"/>
      <sheetName val="LeafspringDetails"/>
      <sheetName val="output"/>
      <sheetName val="発行表"/>
      <sheetName val="__ PLASTIC UP_TPIA "/>
      <sheetName val="PRE_BUDGET REPORT_2012"/>
      <sheetName val="XREF"/>
      <sheetName val="MPL_技連4"/>
      <sheetName val="342E_BLOCK4"/>
      <sheetName val="SPEC_LIST3"/>
      <sheetName val="Unit_Price5"/>
      <sheetName val="NC-3_dAY3"/>
      <sheetName val="Production_Database_3994"/>
      <sheetName val="total_change&amp;add3"/>
      <sheetName val="BP_volume_(2)3"/>
      <sheetName val="BP_volume3"/>
      <sheetName val="20kb_CR3"/>
      <sheetName val="summary_(BP_ISZJ_Mar'12)3"/>
      <sheetName val="PnL_2006_LE3"/>
      <sheetName val="Master_Route3"/>
      <sheetName val="Sheet1_(2)5"/>
      <sheetName val="[LR・LTｸﾚｰﾑ分析_xls塅䕃⹌塅Et1_(2)4"/>
      <sheetName val="日程表_3X3"/>
      <sheetName val="Page_3_(Samrong_UA)3"/>
      <sheetName val="Page_4_(Gateway-TF)3"/>
      <sheetName val="P_13"/>
      <sheetName val="200P_SHEET3"/>
      <sheetName val="Table_Master3"/>
      <sheetName val="_LR・LTｸﾚｰﾑ分析_xls塅䕃⹌塅Et1_(2)4"/>
      <sheetName val="342A_Block3"/>
      <sheetName val="133NPR55_69_EC3"/>
      <sheetName val="Distance_Master3"/>
      <sheetName val="Driver_Master3"/>
      <sheetName val="Truck_Master3"/>
      <sheetName val="Allowance_Master3"/>
      <sheetName val="Car_Input3"/>
      <sheetName val="〈参考〉_P_7_シフトINディテント力3"/>
      <sheetName val="FB_sepa_S23"/>
      <sheetName val="TT_(13)3"/>
      <sheetName val="Ass'y-A_(Day)3"/>
      <sheetName val="part_list_ext_crew3"/>
      <sheetName val="A2_9903"/>
      <sheetName val="G_Van_-_Price_Build_up3"/>
      <sheetName val="Injection_Foam_(4)3"/>
      <sheetName val="EPW_06303"/>
      <sheetName val="190BODY_EMATRIX2"/>
      <sheetName val="Annual_Production2"/>
      <sheetName val="Pick_up3"/>
      <sheetName val="Annual_Sales2"/>
      <sheetName val="1__Prod__(BG__TG___AC)_20163"/>
      <sheetName val="Compare_Budget_&amp;_Actual_Order3"/>
      <sheetName val="The_Rule2"/>
      <sheetName val="ﾟ発表No_12"/>
      <sheetName val="R_GRILLE2"/>
      <sheetName val="データシート(定地)_(2)2"/>
      <sheetName val="2-A､B_3-A2"/>
      <sheetName val="C3_N_DC改造投資2"/>
      <sheetName val="ap_172"/>
      <sheetName val="_FE_0919Cal_TP32"/>
      <sheetName val="LAY-OUT_2"/>
      <sheetName val="ES01_トルクカーブ_201211152"/>
      <sheetName val="Welding_#22"/>
      <sheetName val="Cap__Injection_2"/>
      <sheetName val="3_Idea_Sewing_2"/>
      <sheetName val="Side_&amp;_Pole2"/>
      <sheetName val="27_進捗管理2"/>
      <sheetName val="Control_fml2"/>
      <sheetName val="PPA_-__โรงงาน_JIG2"/>
      <sheetName val="114W2次設変部品確認（組立）_(3)2"/>
      <sheetName val="เดือน_ธ_ค_61____(2)"/>
      <sheetName val="DATA_NILAI_TEST_BATCH_12"/>
      <sheetName val="RWP_332"/>
      <sheetName val="COMMON_22"/>
      <sheetName val="Draft_Vehicle_Format2"/>
      <sheetName val="Type_I2"/>
      <sheetName val="GRAFIK_CYB_270"/>
      <sheetName val="ocean_voyage1"/>
      <sheetName val="11_CPU単価1"/>
      <sheetName val="08_P772報告書0305301"/>
      <sheetName val="_CV_ALL1"/>
      <sheetName val="TF_;_C-191"/>
      <sheetName val="Time_study1"/>
      <sheetName val="FUEL_FILLER2"/>
      <sheetName val="Data_Validation1"/>
      <sheetName val="Main_Model1"/>
      <sheetName val="HOLE-UNIT_TEMP1"/>
      <sheetName val="TABLE(LINE_CODE)1"/>
      <sheetName val="1771_21"/>
      <sheetName val="MAKER_LIST_&amp;_Rate_Change1"/>
      <sheetName val="4_กราฟ__จ้างเหมา61-62"/>
      <sheetName val="SUM_TYCT1ST#040(สีโซลิค)"/>
      <sheetName val="SUM_TYCT1ST#1D6(สีเมทาลิค"/>
      <sheetName val="DATA_BASE_D-CAB(ห้ามลบ)"/>
      <sheetName val="PRESS_LINE_TYCT1ST"/>
      <sheetName val="Welding_SMM2_PRESS_TYCT1ST"/>
      <sheetName val="Welding_SR_TYCT1ST"/>
      <sheetName val="Paint_Line_TYCT1#040(SOLID)"/>
      <sheetName val="Paint_Line_TYCT1#1D6(เมทาลิค)"/>
      <sheetName val="ASSEMBLY_TYCT1ST_สีชา"/>
      <sheetName val="Packing_TYCT1ST"/>
      <sheetName val="+PALLET_Packing_C-CAB_TYCT1ST"/>
      <sheetName val="ธวัตร์-Welding_SMM2_56"/>
      <sheetName val="SUM_TYCT1+PALLET(สีโซลิค)"/>
      <sheetName val="SUM_TYCT1+PALLET(สีเมทาลิค"/>
      <sheetName val="SUM_TYCT1+กล่องกระดาษ(สีโซลิค)"/>
      <sheetName val="SUM_TYCT1+กล่องกระดาษ(สีเมทาลิค"/>
      <sheetName val="+PALLET_Packing_C-CAB_TYCT1"/>
      <sheetName val="ABC_COST_TYCT1ST-040,1CO_PACK_S"/>
      <sheetName val="Net_Sales_(Monthly)_Projection"/>
      <sheetName val="Summary_Plant"/>
      <sheetName val="กราฟ_%_on_time_ของปัญหา"/>
      <sheetName val="เปิดโครงการ_ท-ส_V2_TOYOTA640A"/>
      <sheetName val="จม_เสนอDIE+INS_SIDE_OTR_V2"/>
      <sheetName val="จม_feasDIE_BASE_ROOF_V2_IMV640A"/>
      <sheetName val="แนบ1_V2_TOYOTA_IMV640A(2015)"/>
      <sheetName val="V2_TOYOTA_640A_CAB,D-C_17-03-15"/>
      <sheetName val="แนบ_2_V2_9-3-15จากDIE_DESIGN"/>
      <sheetName val="แนบ2_V1-7-3-15จากDIE_DESIGN"/>
      <sheetName val="แนบ3_BEP_V2_T_IMV640A(14_06ลบ_)"/>
      <sheetName val="INTEREST_RATE(7%)"/>
      <sheetName val="V0_27-2-15จากDIE_DESIGN"/>
      <sheetName val="แนบ4_SUM_IMV640A_V2_DC(ในปท+1CO"/>
      <sheetName val="แนบ5_SUM_IMV640A_V2_CC(ในปท+1CO"/>
      <sheetName val="แนบ6_SUM_IMV640A_V2_DC(EDP+1CO)"/>
      <sheetName val="แนบ7_SUM_IMV640A_V2_CC(EDP+1CO"/>
      <sheetName val="DIE_COST_V2_TOYOTA"/>
      <sheetName val="A_J_COST_V2_TOYOTA"/>
      <sheetName val="TRIM_COST_V2_TOYOTA"/>
      <sheetName val="แนบ10_Press_Line(D-CAB)"/>
      <sheetName val="แนบ11_Welding_Line_PRESS(D-CAB)"/>
      <sheetName val="แนบ12_Welding_Line_SR_D-CAB"/>
      <sheetName val="แนบ13_Painting_D-CAB(NO_EDP+1CO"/>
      <sheetName val="แนบ14_Painting_Line_D-C(EDP+1CO"/>
      <sheetName val="แนบ15_Ass'y_Line_D-CAB(glass_sl"/>
      <sheetName val="แนบ16_Packing_Line(D-C)domestic"/>
      <sheetName val="แนบ17_Packing_Line(D-C)export"/>
      <sheetName val="แนบ18_Press_Line(C-CAB)"/>
      <sheetName val="แนบ19_Welding_Line_PRESS(C-CAB)"/>
      <sheetName val="แนบ20_Welding_Line_SR(C-CAB)"/>
      <sheetName val="แนบ21_Painting_C-CAB(NO_EDP+1CO"/>
      <sheetName val="แนบ22_Painting_C-CAB(EDP+1CO)"/>
      <sheetName val="แนบ23_Ass'y_Line_C-CAB(glass_sl"/>
      <sheetName val="แนบ24_Packing_Line(C-C)domestic"/>
      <sheetName val="แนบ25_Packing_Line(C-C)export"/>
      <sheetName val="DATA_BASE_C-CABห้ามลบ"/>
      <sheetName val="TRIM_PART_แยกกลุ่มย่อย"/>
      <sheetName val="DRY_VAN__ปะหน้า_QA_SMT-2ตั้ม"/>
      <sheetName val="Bracket_0M011,13"/>
    </sheetNames>
    <sheetDataSet>
      <sheetData sheetId="0"/>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sheetData sheetId="201"/>
      <sheetData sheetId="202"/>
      <sheetData sheetId="203"/>
      <sheetData sheetId="204"/>
      <sheetData sheetId="205"/>
      <sheetData sheetId="206"/>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sheetData sheetId="276"/>
      <sheetData sheetId="277"/>
      <sheetData sheetId="278"/>
      <sheetData sheetId="279"/>
      <sheetData sheetId="280"/>
      <sheetData sheetId="281"/>
      <sheetData sheetId="282"/>
      <sheetData sheetId="283"/>
      <sheetData sheetId="284"/>
      <sheetData sheetId="285"/>
      <sheetData sheetId="286"/>
      <sheetData sheetId="287"/>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sheetData sheetId="404" refreshError="1"/>
      <sheetData sheetId="405" refreshError="1"/>
      <sheetData sheetId="406" refreshError="1"/>
      <sheetData sheetId="407" refreshError="1"/>
      <sheetData sheetId="408" refreshError="1"/>
      <sheetData sheetId="409" refreshError="1"/>
      <sheetData sheetId="410" refreshError="1"/>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refreshError="1"/>
      <sheetData sheetId="476" refreshError="1"/>
      <sheetData sheetId="477" refreshError="1"/>
      <sheetData sheetId="478" refreshError="1"/>
      <sheetData sheetId="479" refreshError="1"/>
      <sheetData sheetId="480" refreshError="1"/>
      <sheetData sheetId="481" refreshError="1"/>
      <sheetData sheetId="482" refreshError="1"/>
      <sheetData sheetId="483" refreshError="1"/>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refreshError="1"/>
      <sheetData sheetId="494" refreshError="1"/>
      <sheetData sheetId="495" refreshError="1"/>
      <sheetData sheetId="496" refreshError="1"/>
      <sheetData sheetId="497" refreshError="1"/>
      <sheetData sheetId="498" refreshError="1"/>
      <sheetData sheetId="499" refreshError="1"/>
      <sheetData sheetId="500" refreshError="1"/>
      <sheetData sheetId="501" refreshError="1"/>
      <sheetData sheetId="502" refreshError="1"/>
      <sheetData sheetId="503" refreshError="1"/>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sheetData sheetId="531"/>
      <sheetData sheetId="532"/>
      <sheetData sheetId="533"/>
      <sheetData sheetId="534"/>
      <sheetData sheetId="535"/>
      <sheetData sheetId="536"/>
      <sheetData sheetId="537"/>
      <sheetData sheetId="538"/>
      <sheetData sheetId="539"/>
      <sheetData sheetId="540"/>
      <sheetData sheetId="541"/>
      <sheetData sheetId="542"/>
      <sheetData sheetId="543"/>
      <sheetData sheetId="544"/>
      <sheetData sheetId="545"/>
      <sheetData sheetId="546"/>
      <sheetData sheetId="547"/>
      <sheetData sheetId="548"/>
      <sheetData sheetId="549"/>
      <sheetData sheetId="550"/>
      <sheetData sheetId="551"/>
      <sheetData sheetId="552"/>
      <sheetData sheetId="553"/>
      <sheetData sheetId="554"/>
      <sheetData sheetId="555"/>
      <sheetData sheetId="556"/>
      <sheetData sheetId="557"/>
      <sheetData sheetId="558"/>
      <sheetData sheetId="559"/>
      <sheetData sheetId="560"/>
      <sheetData sheetId="561"/>
      <sheetData sheetId="562"/>
      <sheetData sheetId="563"/>
      <sheetData sheetId="564"/>
      <sheetData sheetId="565"/>
      <sheetData sheetId="566"/>
      <sheetData sheetId="567"/>
      <sheetData sheetId="568"/>
      <sheetData sheetId="569"/>
      <sheetData sheetId="570"/>
      <sheetData sheetId="571"/>
      <sheetData sheetId="572"/>
      <sheetData sheetId="573"/>
      <sheetData sheetId="574"/>
      <sheetData sheetId="575"/>
      <sheetData sheetId="576"/>
      <sheetData sheetId="577"/>
      <sheetData sheetId="578"/>
      <sheetData sheetId="579"/>
      <sheetData sheetId="580"/>
      <sheetData sheetId="581"/>
      <sheetData sheetId="582"/>
      <sheetData sheetId="583"/>
      <sheetData sheetId="584" refreshError="1"/>
      <sheetData sheetId="585"/>
      <sheetData sheetId="586"/>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refreshError="1"/>
      <sheetData sheetId="597" refreshError="1"/>
      <sheetData sheetId="598" refreshError="1"/>
      <sheetData sheetId="599" refreshError="1"/>
      <sheetData sheetId="600" refreshError="1"/>
      <sheetData sheetId="601" refreshError="1"/>
      <sheetData sheetId="602" refreshError="1"/>
      <sheetData sheetId="603" refreshError="1"/>
      <sheetData sheetId="604" refreshError="1"/>
      <sheetData sheetId="605" refreshError="1"/>
      <sheetData sheetId="606" refreshError="1"/>
      <sheetData sheetId="607" refreshError="1"/>
      <sheetData sheetId="608" refreshError="1"/>
      <sheetData sheetId="609" refreshError="1"/>
      <sheetData sheetId="610" refreshError="1"/>
      <sheetData sheetId="611" refreshError="1"/>
      <sheetData sheetId="612" refreshError="1"/>
      <sheetData sheetId="613" refreshError="1"/>
      <sheetData sheetId="614" refreshError="1"/>
      <sheetData sheetId="615" refreshError="1"/>
      <sheetData sheetId="616" refreshError="1"/>
      <sheetData sheetId="617" refreshError="1"/>
      <sheetData sheetId="618" refreshError="1"/>
      <sheetData sheetId="619" refreshError="1"/>
      <sheetData sheetId="620" refreshError="1"/>
      <sheetData sheetId="621" refreshError="1"/>
      <sheetData sheetId="622" refreshError="1"/>
      <sheetData sheetId="623" refreshError="1"/>
      <sheetData sheetId="624" refreshError="1"/>
      <sheetData sheetId="625" refreshError="1"/>
      <sheetData sheetId="626" refreshError="1"/>
      <sheetData sheetId="627" refreshError="1"/>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refreshError="1"/>
      <sheetData sheetId="639" refreshError="1"/>
      <sheetData sheetId="640" refreshError="1"/>
      <sheetData sheetId="641" refreshError="1"/>
      <sheetData sheetId="642" refreshError="1"/>
      <sheetData sheetId="643" refreshError="1"/>
      <sheetData sheetId="644" refreshError="1"/>
      <sheetData sheetId="645" refreshError="1"/>
      <sheetData sheetId="646" refreshError="1"/>
      <sheetData sheetId="647" refreshError="1"/>
      <sheetData sheetId="648" refreshError="1"/>
      <sheetData sheetId="649" refreshError="1"/>
      <sheetData sheetId="650" refreshError="1"/>
      <sheetData sheetId="651" refreshError="1"/>
      <sheetData sheetId="652" refreshError="1"/>
      <sheetData sheetId="653" refreshError="1"/>
      <sheetData sheetId="654" refreshError="1"/>
      <sheetData sheetId="655" refreshError="1"/>
      <sheetData sheetId="656" refreshError="1"/>
      <sheetData sheetId="657" refreshError="1"/>
      <sheetData sheetId="658" refreshError="1"/>
      <sheetData sheetId="659" refreshError="1"/>
      <sheetData sheetId="660" refreshError="1"/>
      <sheetData sheetId="661" refreshError="1"/>
      <sheetData sheetId="662"/>
      <sheetData sheetId="663"/>
      <sheetData sheetId="664"/>
      <sheetData sheetId="665"/>
      <sheetData sheetId="666"/>
      <sheetData sheetId="667"/>
      <sheetData sheetId="668"/>
      <sheetData sheetId="669"/>
      <sheetData sheetId="670"/>
      <sheetData sheetId="671"/>
      <sheetData sheetId="672"/>
      <sheetData sheetId="673"/>
      <sheetData sheetId="674"/>
      <sheetData sheetId="675"/>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 sheetId="735"/>
      <sheetData sheetId="736"/>
      <sheetData sheetId="737"/>
      <sheetData sheetId="738"/>
      <sheetData sheetId="739"/>
      <sheetData sheetId="740"/>
      <sheetData sheetId="741"/>
      <sheetData sheetId="742"/>
      <sheetData sheetId="743"/>
      <sheetData sheetId="744"/>
      <sheetData sheetId="745"/>
      <sheetData sheetId="746"/>
      <sheetData sheetId="747"/>
      <sheetData sheetId="748"/>
      <sheetData sheetId="749"/>
      <sheetData sheetId="750"/>
      <sheetData sheetId="751"/>
      <sheetData sheetId="752"/>
      <sheetData sheetId="753"/>
      <sheetData sheetId="754"/>
      <sheetData sheetId="755"/>
      <sheetData sheetId="756"/>
      <sheetData sheetId="757"/>
      <sheetData sheetId="758"/>
      <sheetData sheetId="759"/>
      <sheetData sheetId="760"/>
      <sheetData sheetId="761"/>
      <sheetData sheetId="762"/>
      <sheetData sheetId="763"/>
      <sheetData sheetId="764"/>
      <sheetData sheetId="765"/>
      <sheetData sheetId="766"/>
      <sheetData sheetId="767"/>
      <sheetData sheetId="768"/>
      <sheetData sheetId="769"/>
      <sheetData sheetId="770"/>
      <sheetData sheetId="771"/>
      <sheetData sheetId="772"/>
      <sheetData sheetId="773"/>
      <sheetData sheetId="774"/>
      <sheetData sheetId="775"/>
      <sheetData sheetId="776"/>
      <sheetData sheetId="777"/>
      <sheetData sheetId="778"/>
      <sheetData sheetId="779"/>
      <sheetData sheetId="780"/>
      <sheetData sheetId="781"/>
      <sheetData sheetId="782"/>
      <sheetData sheetId="783"/>
      <sheetData sheetId="784"/>
      <sheetData sheetId="785"/>
      <sheetData sheetId="786"/>
      <sheetData sheetId="787"/>
      <sheetData sheetId="788"/>
      <sheetData sheetId="789"/>
      <sheetData sheetId="790"/>
      <sheetData sheetId="791"/>
      <sheetData sheetId="792"/>
      <sheetData sheetId="793"/>
      <sheetData sheetId="794" refreshError="1"/>
      <sheetData sheetId="795" refreshError="1"/>
      <sheetData sheetId="796" refreshError="1"/>
      <sheetData sheetId="797" refreshError="1"/>
      <sheetData sheetId="798" refreshError="1"/>
      <sheetData sheetId="799" refreshError="1"/>
      <sheetData sheetId="800" refreshError="1"/>
      <sheetData sheetId="801" refreshError="1"/>
      <sheetData sheetId="80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Sheet1"/>
      <sheetName val="Sheet2"/>
      <sheetName val="Sheet3"/>
      <sheetName val="96期(川崎)"/>
      <sheetName val="Defects"/>
      <sheetName val="A"/>
      <sheetName val="00-1"/>
      <sheetName val="各部寸検結果"/>
      <sheetName val="Sheet1 (2)"/>
      <sheetName val="FUKUMI"/>
      <sheetName val="ITEM"/>
      <sheetName val="Unit Price"/>
      <sheetName val="生産台数内訳"/>
      <sheetName val="クライテリア"/>
      <sheetName val="基本情報ｄｂ"/>
      <sheetName val="財務諸表"/>
      <sheetName val="BELT検討"/>
      <sheetName val="第1期投資実績"/>
      <sheetName val="02MY投資実績"/>
      <sheetName val="150K-1投資"/>
      <sheetName val="150K-2投資"/>
      <sheetName val="日付"/>
      <sheetName val="LR・LTｸﾚｰﾑ分析"/>
      <sheetName val="(原単位)"/>
      <sheetName val="พงศ์พร"/>
      <sheetName val="[LR・LTｸﾚｰﾑ分析.xls塅䕃⹌塅Et1 (2)"/>
      <sheetName val="Sheet1_(2)"/>
      <sheetName val="Unit_Price"/>
      <sheetName val="ﾏｸﾛ説明"/>
      <sheetName val="実績推移"/>
      <sheetName val="24204"/>
      <sheetName val="Production Database 399"/>
      <sheetName val="SCH"/>
      <sheetName val="ﾊﾟｲﾌﾟ"/>
      <sheetName val="他材料費"/>
      <sheetName val="冷延鋼板"/>
      <sheetName val="熱延鋼板"/>
      <sheetName val="原単位"/>
      <sheetName val="_LR・LTｸﾚｰﾑ分析.xls塅䕃⹌塅Et1 (2)"/>
      <sheetName val="00年9月"/>
      <sheetName val="MOD"/>
      <sheetName val="rate"/>
      <sheetName val="入力シート"/>
      <sheetName val="計算結果"/>
      <sheetName val="6SWRF_W"/>
      <sheetName val="日程"/>
      <sheetName val="ＦＴＲ連結採算"/>
      <sheetName val="96・(・・)"/>
      <sheetName val="350CXZCO"/>
      <sheetName val="進め方"/>
      <sheetName val="ヘッダ"/>
      <sheetName val="台帳集計"/>
      <sheetName val="条件表"/>
      <sheetName val="ｴｱﾃﾞｨｽｸ"/>
      <sheetName val="社内検査データ"/>
      <sheetName val="マスター"/>
      <sheetName val="量産準備実施依頼書"/>
      <sheetName val="推移用データ"/>
      <sheetName val="名簿データ"/>
      <sheetName val="ＴＦ関連Ｐｒｊ日程表"/>
      <sheetName val="ワークシート関数の使用例"/>
      <sheetName val="MPL 技連"/>
      <sheetName val="342A Block"/>
      <sheetName val="方策系入力表"/>
      <sheetName val="Sheet1_(2)1"/>
      <sheetName val="Unit_Price1"/>
      <sheetName val="[LR・LTｸﾚｰﾑ分析_xls塅䕃⹌塅Et1_(2)"/>
      <sheetName val="Production_Database_399"/>
      <sheetName val="_LR・LTｸﾚｰﾑ分析_xls塅䕃⹌塅Et1_(2)"/>
      <sheetName val="入力表"/>
      <sheetName val="第1期"/>
      <sheetName val="02MY"/>
      <sheetName val="150K-1"/>
      <sheetName val="150K-2"/>
      <sheetName val="180K投資"/>
      <sheetName val="職種別原価"/>
      <sheetName val="ASM#1-Eff"/>
      <sheetName val="150K_1投資"/>
      <sheetName val="150K_2投資"/>
      <sheetName val="一覧と近似式"/>
      <sheetName val="業務計画"/>
      <sheetName val="仕上１"/>
      <sheetName val="TB3川崎"/>
      <sheetName val="1-E"/>
      <sheetName val="TM"/>
      <sheetName val="〈参考〉_P.7_シフトINディテント力"/>
      <sheetName val="材質検査（N増し書換済）"/>
      <sheetName val="ﾌﾟﾙﾀﾞｳﾝﾒﾆｭｰ用ｺｰﾄﾞ表"/>
      <sheetName val="進捗確認"/>
      <sheetName val="ﾟ発表No 1"/>
      <sheetName val="96_97研究費_全体"/>
      <sheetName val="駆動力（入力シート）"/>
      <sheetName val="市場品質状況レポート"/>
      <sheetName val="HX121-T"/>
      <sheetName val="新コード"/>
      <sheetName val="工数比較２"/>
      <sheetName val="R GRILLE"/>
      <sheetName val="DOM-競合車SPEC"/>
      <sheetName val="ｺｰﾄﾞ表"/>
      <sheetName val="A2 990"/>
      <sheetName val="【資料】730改造投資"/>
      <sheetName val="TIRE読み替え表"/>
      <sheetName val="耐久進捗data"/>
      <sheetName val="計画"/>
      <sheetName val="洩れ"/>
      <sheetName val="品質保証責任者届"/>
      <sheetName val="表示リスト（変更禁止）"/>
      <sheetName val="名簿ﾃﾞｰﾀ"/>
      <sheetName val="生産性評価集計用クエリ"/>
      <sheetName val="集計条件"/>
      <sheetName val="出荷計画"/>
      <sheetName val="342E BLOCK"/>
      <sheetName val="本船スケジュール"/>
      <sheetName val="見本２"/>
      <sheetName val="コード表"/>
      <sheetName val="MPL_技連"/>
      <sheetName val="342E_BLOCK"/>
      <sheetName val="資本ｺｽﾄ"/>
      <sheetName val="R&amp;D"/>
      <sheetName val="SPEC LIST"/>
      <sheetName val="HärQ"/>
      <sheetName val="駆動系1"/>
      <sheetName val="_B007"/>
      <sheetName val="ISO_250"/>
      <sheetName val="346Proj日程991124"/>
      <sheetName val="part list ext crew"/>
      <sheetName val="Years_Input"/>
      <sheetName val="制動力線計算入力"/>
      <sheetName val="Table"/>
      <sheetName val="ラミナー計算"/>
      <sheetName val="選酋表"/>
      <sheetName val="A-K研車型"/>
      <sheetName val="ﾏﾙC改造投資詳細"/>
      <sheetName val="_CONFIG-2"/>
      <sheetName val="課題実施計画書"/>
      <sheetName val="NK仕様21"/>
      <sheetName val="データシート(定地) (2)"/>
      <sheetName val="1-A､B"/>
      <sheetName val="2-A､B 3-A"/>
      <sheetName val="C3_N DC改造投資"/>
      <sheetName val="2TUP"/>
      <sheetName val="BP volume (2)"/>
      <sheetName val="BP volume"/>
      <sheetName val="RT50実績(11FY)"/>
      <sheetName val="RT50実績・予測-120620"/>
      <sheetName val="20kb CR"/>
      <sheetName val="RT50実績・予測"/>
      <sheetName val="summary (BP ISZJ Mar'12)"/>
      <sheetName val="R＆遡及-120620"/>
      <sheetName val="#REF"/>
      <sheetName val="資料_700部品点数設定"/>
      <sheetName val="PnL_BUD06"/>
      <sheetName val="PnL_2006 LE"/>
      <sheetName val="FixedAsset05&amp;06"/>
      <sheetName val="Cover"/>
      <sheetName val="List"/>
      <sheetName val="P.1"/>
      <sheetName val="Page 3 (Samrong UA)"/>
      <sheetName val="Page 4 (Gateway-TF)"/>
      <sheetName val="200P SHEET"/>
      <sheetName val="OD"/>
      <sheetName val="6W"/>
      <sheetName val="ap 17"/>
      <sheetName val="NC-3 dAY"/>
      <sheetName val="社暦"/>
      <sheetName val="成形場所"/>
      <sheetName val="金額"/>
      <sheetName val="DB"/>
      <sheetName val="Car Input"/>
      <sheetName val="Summary"/>
      <sheetName val="Snp"/>
      <sheetName val="プロジェクトステータス　4J(ELF)"/>
      <sheetName val="Table Master"/>
      <sheetName val=" FE 0919Cal TP3"/>
      <sheetName val="燃費3"/>
      <sheetName val="機能リスト"/>
      <sheetName val="Wvð"/>
      <sheetName val="NCeA"/>
      <sheetName val="LAY-OUT "/>
      <sheetName val="表示"/>
      <sheetName val="商品明細(KD)"/>
      <sheetName val="Data-Qｽｲｰﾌﾟ"/>
      <sheetName val="Data-NEｽｲｰﾌﾟ"/>
      <sheetName val="Data-ΔQ"/>
      <sheetName val="Data-ΔNE(50)"/>
      <sheetName val="出図表"/>
      <sheetName val="DATA"/>
      <sheetName val="テーブル"/>
      <sheetName val="00年９末"/>
      <sheetName val="データ"/>
      <sheetName val="調査依頼"/>
      <sheetName val="Side &amp; Pole"/>
      <sheetName val="LIST1"/>
      <sheetName val="BAAC集計"/>
      <sheetName val="1"/>
      <sheetName val="PROD-TF"/>
      <sheetName val="190BODY EMATRIX"/>
      <sheetName val="NEW003"/>
      <sheetName val="Datasheet"/>
      <sheetName val="P3"/>
      <sheetName val="評価ﾏﾄﾘｸｽ"/>
      <sheetName val="米国輸入ソース推移"/>
      <sheetName val="27.進捗管理"/>
      <sheetName val="133NPR55 69 EC"/>
      <sheetName val="Master Route"/>
      <sheetName val="Ref"/>
      <sheetName val="シャープアイ実績"/>
      <sheetName val="対策集計結果"/>
      <sheetName val="total change&amp;add"/>
      <sheetName val="マン停"/>
      <sheetName val="座面面圧計算表の使用方法"/>
      <sheetName val="②-6菅原B第2解析パレート図"/>
      <sheetName val="11月"/>
      <sheetName val="新規00上ｸﾞﾗﾌ"/>
      <sheetName val="車会集約"/>
      <sheetName val="クエリ2"/>
      <sheetName val="星取り"/>
      <sheetName val="実車評価ＥＤ"/>
      <sheetName val="COMMON 2"/>
      <sheetName val="選択肢"/>
      <sheetName val="基準"/>
      <sheetName val="calculate"/>
      <sheetName val="日程表 3X"/>
      <sheetName val="複合-日計算"/>
      <sheetName val="030718"/>
      <sheetName val="SW評価項目"/>
      <sheetName val="DATA計"/>
      <sheetName val="車両寸法"/>
      <sheetName val="灯火器寸法"/>
      <sheetName val="Distance Master"/>
      <sheetName val="Driver Master"/>
      <sheetName val="Truck Master"/>
      <sheetName val="Allowance Master"/>
      <sheetName val="結果"/>
      <sheetName val="FB sepa S2"/>
      <sheetName val="会社概況(国内)"/>
      <sheetName val="見積依頼書(海外)"/>
      <sheetName val="TT (13)"/>
      <sheetName val="AS-A"/>
      <sheetName val="SR-AU(N)"/>
      <sheetName val="SR-AU"/>
      <sheetName val="EF"/>
      <sheetName val="初期値"/>
      <sheetName val="Ass'y-A (Day)"/>
      <sheetName val="予算推移"/>
      <sheetName val="SMALL"/>
      <sheetName val="A010"/>
      <sheetName val="#20号車排ガス"/>
      <sheetName val="SUM"/>
      <sheetName val="G Van - Price Build up"/>
      <sheetName val="Injection Foam (4)"/>
      <sheetName val="MENU"/>
      <sheetName val="PL"/>
      <sheetName val="EPW 0630"/>
      <sheetName val="input"/>
      <sheetName val="MOTO"/>
      <sheetName val="Annual Sales"/>
      <sheetName val="ﾃﾞｰﾀ"/>
      <sheetName val="WJ素材費"/>
      <sheetName val="課題一覧"/>
      <sheetName val="1-C,D"/>
      <sheetName val="FUEL FILLER"/>
      <sheetName val="Tbom-tot"/>
      <sheetName val="업체명"/>
      <sheetName val="ORIGIN"/>
      <sheetName val="계산program"/>
      <sheetName val="Instructions"/>
      <sheetName val="FUEL_FILLER"/>
      <sheetName val="Sheet1_(2)2"/>
      <sheetName val="Production_Database_3991"/>
      <sheetName val="Unit_Price2"/>
      <sheetName val="[LR・LTｸﾚｰﾑ分析_xls塅䕃⹌塅Et1_(2)1"/>
      <sheetName val="_LR・LTｸﾚｰﾑ分析_xls塅䕃⹌塅Et1_(2)1"/>
      <sheetName val="342A_Block"/>
      <sheetName val="〈参考〉_P_7_シフトINディテント力"/>
      <sheetName val="ﾟ発表No_1"/>
      <sheetName val="Data Validation"/>
      <sheetName val="朱書き（業種）"/>
      <sheetName val=""/>
      <sheetName val="TABLE(LINE CODE)"/>
      <sheetName val="ﾄﾞﾛｯﾌﾟﾀﾞｳﾝLIST"/>
      <sheetName val="ｺｰﾄﾞ"/>
      <sheetName val="償却率"/>
      <sheetName val="700vol"/>
      <sheetName val="104-Ⅰ計画"/>
      <sheetName val="_01_004"/>
      <sheetName val="Group1"/>
      <sheetName val="C1-8mode排ガス(Alt2改良)"/>
      <sheetName val="ﾘｽﾄ"/>
      <sheetName val="比較"/>
      <sheetName val="Control fml"/>
      <sheetName val="output"/>
      <sheetName val="ﾛｲ"/>
      <sheetName val="初期情報入力画面"/>
      <sheetName val="１個人表1-10"/>
      <sheetName val="１個人表11-20"/>
      <sheetName val="２個人表1-10"/>
      <sheetName val="2個人表11-20"/>
      <sheetName val="Draft Vehicle Format"/>
      <sheetName val="WG_00"/>
      <sheetName val="2000_ALL"/>
      <sheetName val="SUS_00"/>
      <sheetName val="Pick up"/>
      <sheetName val="Result"/>
      <sheetName val="2005"/>
      <sheetName val="ﾊﾞﾗﾝｻｰcal"/>
      <sheetName val="ｺﾝﾛｯﾄﾞcal"/>
      <sheetName val="ｸﾗﾝｸｹｰｽcal"/>
      <sheetName val="出荷車型"/>
      <sheetName val="Index"/>
      <sheetName val="T"/>
      <sheetName val="Average"/>
      <sheetName val="#ofclose"/>
      <sheetName val="Type I"/>
      <sheetName val="F4301"/>
      <sheetName val="試験依頼管理表"/>
      <sheetName val="分類"/>
      <sheetName val="1. Prod. (BG  TG   AC) 2016"/>
      <sheetName val="Compare Budget &amp; Actual Order"/>
      <sheetName val="LCV"/>
      <sheetName val="The Rule"/>
      <sheetName val="ES01 トルクカーブ 20121115"/>
      <sheetName val="RS"/>
      <sheetName val="Welding #2"/>
      <sheetName val="Cap. Injection "/>
      <sheetName val="RR"/>
      <sheetName val="3.Idea.Sewing "/>
      <sheetName val="Input-B2006wk"/>
      <sheetName val="ｼｬｼ"/>
      <sheetName val="DATA_MANUAL"/>
      <sheetName val="(sys)"/>
      <sheetName val="ディクショナリ"/>
      <sheetName val="テーブル一覧"/>
      <sheetName val="NCAB"/>
      <sheetName val="SPEC_LIST"/>
      <sheetName val="BP_volume_(2)"/>
      <sheetName val="BP_volume"/>
      <sheetName val="20kb_CR"/>
      <sheetName val="summary_(BP_ISZJ_Mar'12)"/>
      <sheetName val="PnL_2006_LE"/>
      <sheetName val="Page_3_(Samrong_UA)"/>
      <sheetName val="Page_4_(Gateway-TF)"/>
      <sheetName val="P_1"/>
      <sheetName val="200P_SHEET"/>
      <sheetName val="Table_Master"/>
      <sheetName val="Master_Route"/>
      <sheetName val="Car_Input"/>
      <sheetName val="G_Van_-_Price_Build_up"/>
      <sheetName val="MPL_技連1"/>
      <sheetName val="342E_BLOCK1"/>
      <sheetName val="NC-3_dAY"/>
      <sheetName val="total_change&amp;add"/>
      <sheetName val="Injection_Foam_(4)"/>
      <sheetName val="FB_sepa_S2"/>
      <sheetName val="part_list_ext_crew"/>
      <sheetName val="EPW_0630"/>
      <sheetName val="Pick_up"/>
      <sheetName val="1__Prod__(BG__TG___AC)_2016"/>
      <sheetName val="Compare_Budget_&amp;_Actual_Order"/>
      <sheetName val="SHOT-A(N)"/>
      <sheetName val="板厚-ｺｲﾙ巾"/>
      <sheetName val="実績台帳_クエリ"/>
      <sheetName val="Annual Production"/>
      <sheetName val="日程表_3X"/>
      <sheetName val="133NPR55_69_EC"/>
      <sheetName val="Distance_Master"/>
      <sheetName val="Driver_Master"/>
      <sheetName val="Truck_Master"/>
      <sheetName val="Allowance_Master"/>
      <sheetName val="TT_(13)"/>
      <sheetName val="Ass'y-A_(Day)"/>
      <sheetName val="A2_990"/>
      <sheetName val="RWP 33"/>
      <sheetName val="価格一覧"/>
      <sheetName val="市販品"/>
      <sheetName val="特注品"/>
      <sheetName val="G&amp;A"/>
      <sheetName val="リスクアセスメント表様式"/>
      <sheetName val="Supp.List"/>
      <sheetName val="T基礎点"/>
      <sheetName val="T退職金Point"/>
      <sheetName val="FI1 COVER"/>
      <sheetName val="2-CR1"/>
      <sheetName val="3-PL1"/>
      <sheetName val="0-VR4 FI1"/>
      <sheetName val="BEG00"/>
      <sheetName val="4-SS1"/>
      <sheetName val="5-AJ2"/>
      <sheetName val="5-AJ3"/>
      <sheetName val="6-AP1"/>
      <sheetName val="5-AJ1"/>
      <sheetName val="5-AJ9"/>
      <sheetName val="W-List"/>
      <sheetName val="入力分類"/>
      <sheetName val="ｲﾝﾌﾟｯﾄｼｰﾄ"/>
      <sheetName val="1WT素材費"/>
      <sheetName val="グロマス仮"/>
      <sheetName val="Toggle Details"/>
      <sheetName val="PartsRist"/>
      <sheetName val="部位名"/>
      <sheetName val="国ｺｰﾄﾞ"/>
      <sheetName val="4JB1-T1"/>
      <sheetName val="10"/>
      <sheetName val="HUB 4X4 OP6A 251218"/>
      <sheetName val="Sheet1_(2)3"/>
      <sheetName val="Unit_Price3"/>
      <sheetName val="[LR・LTｸﾚｰﾑ分析_xls塅䕃⹌塅Et1_(2)2"/>
      <sheetName val="Production_Database_3992"/>
      <sheetName val="_LR・LTｸﾚｰﾑ分析_xls塅䕃⹌塅Et1_(2)2"/>
      <sheetName val="MPL_技連2"/>
      <sheetName val="342A_Block1"/>
      <sheetName val="〈参考〉_P_7_シフトINディテント力1"/>
      <sheetName val="ﾟ発表No_11"/>
      <sheetName val="R_GRILLE"/>
      <sheetName val="A2_9901"/>
      <sheetName val="342E_BLOCK2"/>
      <sheetName val="SPEC_LIST1"/>
      <sheetName val="part_list_ext_crew1"/>
      <sheetName val="データシート(定地)_(2)"/>
      <sheetName val="2-A､B_3-A"/>
      <sheetName val="C3_N_DC改造投資"/>
      <sheetName val="BP_volume_(2)1"/>
      <sheetName val="BP_volume1"/>
      <sheetName val="20kb_CR1"/>
      <sheetName val="summary_(BP_ISZJ_Mar'12)1"/>
      <sheetName val="PnL_2006_LE1"/>
      <sheetName val="P_11"/>
      <sheetName val="Page_3_(Samrong_UA)1"/>
      <sheetName val="Page_4_(Gateway-TF)1"/>
      <sheetName val="200P_SHEET1"/>
      <sheetName val="ap_17"/>
      <sheetName val="NC-3_dAY1"/>
      <sheetName val="Car_Input1"/>
      <sheetName val="Table_Master1"/>
      <sheetName val="_FE_0919Cal_TP3"/>
      <sheetName val="LAY-OUT_"/>
      <sheetName val="Side_&amp;_Pole"/>
      <sheetName val="190BODY_EMATRIX"/>
      <sheetName val="Master_Route1"/>
      <sheetName val="total_change&amp;add1"/>
      <sheetName val="27_進捗管理"/>
      <sheetName val="133NPR55_69_EC1"/>
      <sheetName val="COMMON_2"/>
      <sheetName val="日程表_3X1"/>
      <sheetName val="Distance_Master1"/>
      <sheetName val="Driver_Master1"/>
      <sheetName val="Truck_Master1"/>
      <sheetName val="Allowance_Master1"/>
      <sheetName val="FB_sepa_S21"/>
      <sheetName val="TT_(13)1"/>
      <sheetName val="Ass'y-A_(Day)1"/>
      <sheetName val="G_Van_-_Price_Build_up1"/>
      <sheetName val="Injection_Foam_(4)1"/>
      <sheetName val="EPW_06301"/>
      <sheetName val="Annual_Sales"/>
      <sheetName val="FUEL_FILLER1"/>
      <sheetName val="Data_Validation"/>
      <sheetName val="TABLE(LINE_CODE)"/>
      <sheetName val="Control_fml"/>
      <sheetName val="Supp_List"/>
      <sheetName val="FI1_COVER"/>
      <sheetName val="0-VR4_FI1"/>
      <sheetName val="Draft_Vehicle_Format"/>
      <sheetName val="Pick_up1"/>
      <sheetName val="Type_I"/>
      <sheetName val="1__Prod__(BG__TG___AC)_20161"/>
      <sheetName val="Compare_Budget_&amp;_Actual_Order1"/>
      <sheetName val="The_Rule"/>
      <sheetName val="ES01_トルクカーブ_20121115"/>
      <sheetName val="Welding_#2"/>
      <sheetName val="Cap__Injection_"/>
      <sheetName val="3_Idea_Sewing_"/>
      <sheetName val="Annual_Production"/>
      <sheetName val="RWP_33"/>
      <sheetName val="Toggle_Details"/>
      <sheetName val="166N Plist"/>
      <sheetName val="INCA"/>
      <sheetName val="ocean voyage"/>
      <sheetName val="11.CPU単価"/>
      <sheetName val="08.P772報告書030530"/>
      <sheetName val="99"/>
      <sheetName val="集計用"/>
      <sheetName val="90_2"/>
      <sheetName val="101"/>
      <sheetName val="19"/>
      <sheetName val="57F"/>
      <sheetName val="諸元まとめ"/>
      <sheetName val="TRY進捗"/>
      <sheetName val=" CV ALL"/>
      <sheetName val="総合B"/>
      <sheetName val="TF ; C-19"/>
      <sheetName val="Time study"/>
      <sheetName val="96期_川崎_"/>
      <sheetName val="DIEZEL動弁相場"/>
      <sheetName val="05-2"/>
      <sheetName val="連結新規"/>
      <sheetName val="日報"/>
      <sheetName val="Schedule(detail)"/>
      <sheetName val="設定一覧"/>
      <sheetName val="A3_フレーム"/>
      <sheetName val="A5_フレーム"/>
      <sheetName val="フレーム重心(UG測定)"/>
      <sheetName val="寸法"/>
      <sheetName val="XREF"/>
      <sheetName val="貼付2"/>
      <sheetName val="国内ベタ EXCELファイル指定"/>
      <sheetName val="CT F SERIES  (2)"/>
      <sheetName val="グラフ"/>
      <sheetName val="非稼働集計"/>
      <sheetName val="HOLE-UNIT TEMP"/>
      <sheetName val="Main Model"/>
      <sheetName val="_MISSION"/>
      <sheetName val="16,7"/>
      <sheetName val="F混流"/>
      <sheetName val="バス"/>
      <sheetName val="DATA01"/>
      <sheetName val="Q_Rep_月別工数詳細_new"/>
      <sheetName val="n_EngineShift"/>
      <sheetName val="H””äŠr‚Q"/>
      <sheetName val="MAKER LIST &amp; Rate Change"/>
      <sheetName val="ﾄﾞﾛｯﾌﾟﾀﾞｳﾝﾝﾘｽﾄ"/>
      <sheetName val="6S"/>
      <sheetName val="P"/>
      <sheetName val="4H"/>
      <sheetName val="05-3"/>
      <sheetName val="マスタ"/>
      <sheetName val="W-15F"/>
      <sheetName val="A000"/>
      <sheetName val="torq#7"/>
      <sheetName val="メーカー検索"/>
      <sheetName val="Orig Study for PPAP"/>
      <sheetName val="SCOP"/>
      <sheetName val="リスト"/>
      <sheetName val="SPEC"/>
      <sheetName val="MS"/>
      <sheetName val="変更概要まとめ"/>
      <sheetName val="????? _x0015_ Op"/>
      <sheetName val="メイン画面 _x0015_ Op"/>
      <sheetName val="①cパターンルール"/>
      <sheetName val="Vehicle Number"/>
      <sheetName val="GROUP A"/>
      <sheetName val="メンバー"/>
      <sheetName val="選択リスト(削除不可)"/>
      <sheetName val="Vol条件見直し"/>
      <sheetName val="WCAP Phasing"/>
      <sheetName val="目標MAP_K3_MAP_TRG_MAX"/>
      <sheetName val="Count- Akim"/>
      <sheetName val="Additional Chassis"/>
      <sheetName val="Source"/>
      <sheetName val="Sheet2 (3)"/>
      <sheetName val="0409"/>
      <sheetName val="B"/>
      <sheetName val="表5-2 地区別CO2排出実績"/>
      <sheetName val="【ｸﾞﾗﾌ】P値V値"/>
      <sheetName val="Concept&amp;Cause"/>
      <sheetName val="ﾍﾞﾝﾁ"/>
      <sheetName val="AxleShft"/>
      <sheetName val="Brake"/>
      <sheetName val="Clutch"/>
      <sheetName val="result_data"/>
      <sheetName val="グラフ_距離"/>
      <sheetName val="Final"/>
      <sheetName val="Hoki"/>
      <sheetName val="mode"/>
      <sheetName val="その他"/>
      <sheetName val="Prop"/>
      <sheetName val="Tire"/>
      <sheetName val="単位"/>
      <sheetName val="p.no Coil"/>
      <sheetName val="COIL C3-6"/>
      <sheetName val="グループDB"/>
      <sheetName val="変更項目・評価内容"/>
      <sheetName val="1771"/>
      <sheetName val="1771.2"/>
      <sheetName val="HE5AA実測"/>
      <sheetName val="平板Ｃ"/>
      <sheetName val="FTRQDKR10DI40"/>
      <sheetName val="WŒvðŒ"/>
      <sheetName val="(旧)LIST"/>
      <sheetName val="º½Ä²¸_P-1"/>
      <sheetName val="駆動展開_MACRO1"/>
      <sheetName val="C3_N_DC改造投資1"/>
      <sheetName val="投資･工数推移"/>
      <sheetName val="cover (FAD)"/>
      <sheetName val="º½Ä²¸ P-1"/>
      <sheetName val="Key Index"/>
      <sheetName val="H””ärQ"/>
      <sheetName val="【参考】ECMｿﾌﾄID"/>
      <sheetName val="THAI SPEC NO."/>
      <sheetName val="0) Route Planning"/>
      <sheetName val="D1) Driver List"/>
      <sheetName val="ﾃﾞｰﾀｼｰﾄ"/>
      <sheetName val="Form"/>
      <sheetName val="Structure"/>
      <sheetName val="CAP SEW.RFRJ Sale#2 "/>
      <sheetName val="COIL B-6"/>
      <sheetName val="K"/>
      <sheetName val="部門課題"/>
      <sheetName val="MASTER"/>
      <sheetName val="P2 BUDGET"/>
      <sheetName val="HUB-HOLDER ORI (2)"/>
      <sheetName val="HUB-HOLDER"/>
      <sheetName val="Queriable GVDP 4.X"/>
      <sheetName val="TIMING CARD"/>
      <sheetName val="PROGRAM NAME CHANGE REPORT"/>
      <sheetName val="Queriable GVDP 3.X"/>
      <sheetName val="Queriable OTHER 4.X"/>
      <sheetName val="Queriable CLS"/>
      <sheetName val="Queriable Other"/>
      <sheetName val="DATA NILAI TEST BATCH 1"/>
      <sheetName val="全社"/>
      <sheetName val="重量表コピー"/>
      <sheetName val="取引先格付"/>
      <sheetName val="CRITERIA1"/>
      <sheetName val="PPA -  โรงงาน JIG"/>
      <sheetName val="ヘム型タイプ標準計画金額表"/>
      <sheetName val="案"/>
      <sheetName val="運用CT_クエリ_クエリ"/>
      <sheetName val="見積依頼書(日文)"/>
      <sheetName val="03年全部"/>
      <sheetName val="#REF!"/>
      <sheetName val="114W2次設変部品確認（組立） (3)"/>
      <sheetName val="受入新仕入先"/>
      <sheetName val="新規作成"/>
      <sheetName val="標試改訂"/>
      <sheetName val="プルダウンネタ"/>
      <sheetName val="EU設試プログラム管理表（裏）"/>
      <sheetName val="_____ _x0015_ Op"/>
      <sheetName val="_____ _x005f_x0015_ Op"/>
      <sheetName val="メイン画面 _x005f_x0015_ Op"/>
      <sheetName val="車両"/>
      <sheetName val="実績原価"/>
      <sheetName val="生涯利益計画ｼｰﾄ"/>
      <sheetName val="基準日および期間"/>
      <sheetName val="status"/>
      <sheetName val="ﾌﾟﾛﾄ_P772分解5号機"/>
      <sheetName val="Graph"/>
      <sheetName val="comparision"/>
      <sheetName val="前提表"/>
      <sheetName val="為替レート"/>
      <sheetName val="部品単価（集計基）"/>
      <sheetName val="VAVE Progress Summary"/>
      <sheetName val="FML"/>
      <sheetName val="Sheet1_(2)4"/>
      <sheetName val="Unit_Price4"/>
      <sheetName val="[LR・LTｸﾚｰﾑ分析_xls塅䕃⹌塅Et1_(2)3"/>
      <sheetName val="Production_Database_3993"/>
      <sheetName val="_LR・LTｸﾚｰﾑ分析_xls塅䕃⹌塅Et1_(2)3"/>
      <sheetName val="MPL_技連3"/>
      <sheetName val="342A_Block2"/>
      <sheetName val="〈参考〉_P_7_シフトINディテント力2"/>
      <sheetName val="A2_9902"/>
      <sheetName val="ﾟ発表No_12"/>
      <sheetName val="R_GRILLE1"/>
      <sheetName val="342E_BLOCK3"/>
      <sheetName val="SPEC_LIST2"/>
      <sheetName val="part_list_ext_crew2"/>
      <sheetName val="データシート(定地)_(2)1"/>
      <sheetName val="2-A､B_3-A1"/>
      <sheetName val="BP_volume_(2)2"/>
      <sheetName val="BP_volume2"/>
      <sheetName val="20kb_CR2"/>
      <sheetName val="200307検収漏れ"/>
      <sheetName val="PSM"/>
      <sheetName val="SVASM"/>
      <sheetName val="ライン別負荷"/>
      <sheetName val="計画表"/>
      <sheetName val="SV単品"/>
      <sheetName val="日当表"/>
      <sheetName val="_3199_187_192"/>
      <sheetName val="_原単位_"/>
      <sheetName val="NF"/>
      <sheetName val="s-code"/>
      <sheetName val="選択項目"/>
      <sheetName val="パーツリスト"/>
      <sheetName val="summary_(BP_ISZJ_Mar'12)2"/>
      <sheetName val="PnL_2006_LE2"/>
      <sheetName val="P_12"/>
      <sheetName val="Page_3_(Samrong_UA)2"/>
      <sheetName val="Page_4_(Gateway-TF)2"/>
      <sheetName val="200P_SHEET2"/>
      <sheetName val="ap_171"/>
      <sheetName val="NC-3_dAY2"/>
      <sheetName val="Car_Input2"/>
      <sheetName val="Table_Master2"/>
      <sheetName val="_FE_0919Cal_TP31"/>
      <sheetName val="LAY-OUT_1"/>
      <sheetName val="Side_&amp;_Pole1"/>
      <sheetName val="Master_Route2"/>
      <sheetName val="total_change&amp;add2"/>
      <sheetName val="190BODY_EMATRIX1"/>
      <sheetName val="27_進捗管理1"/>
      <sheetName val="133NPR55_69_EC2"/>
      <sheetName val="FUEL_FILLER2"/>
      <sheetName val="Data_Validation1"/>
      <sheetName val="COMMON_21"/>
      <sheetName val="日程表_3X2"/>
      <sheetName val="Distance_Master2"/>
      <sheetName val="Driver_Master2"/>
      <sheetName val="Truck_Master2"/>
      <sheetName val="Allowance_Master2"/>
      <sheetName val="FB_sepa_S22"/>
      <sheetName val="TT_(13)2"/>
      <sheetName val="Ass'y-A_(Day)2"/>
      <sheetName val="G_Van_-_Price_Build_up2"/>
      <sheetName val="Injection_Foam_(4)2"/>
      <sheetName val="EPW_06302"/>
      <sheetName val="Annual_Sales1"/>
      <sheetName val="TABLE(LINE_CODE)1"/>
      <sheetName val="Control_fml1"/>
      <sheetName val="Draft_Vehicle_Format1"/>
      <sheetName val="Pick_up2"/>
      <sheetName val="Type_I1"/>
      <sheetName val="1__Prod__(BG__TG___AC)_20162"/>
      <sheetName val="Compare_Budget_&amp;_Actual_Order2"/>
      <sheetName val="The_Rule1"/>
      <sheetName val="ES01_トルクカーブ_201211151"/>
      <sheetName val="Welding_#21"/>
      <sheetName val="Cap__Injection_1"/>
      <sheetName val="3_Idea_Sewing_1"/>
      <sheetName val="Annual_Production1"/>
      <sheetName val="RWP_331"/>
      <sheetName val="Supp_List1"/>
      <sheetName val="FI1_COVER1"/>
      <sheetName val="0-VR4_FI11"/>
      <sheetName val="HUB_4X4_OP6A_251218"/>
      <sheetName val="Toggle_Details1"/>
      <sheetName val="166N_Plist"/>
      <sheetName val="ocean_voyage"/>
      <sheetName val="11_CPU単価"/>
      <sheetName val="08_P772報告書030530"/>
      <sheetName val="_CV_ALL"/>
      <sheetName val="TF_;_C-19"/>
      <sheetName val="Time_study"/>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sheetData sheetId="66"/>
      <sheetData sheetId="67" refreshError="1"/>
      <sheetData sheetId="68" refreshError="1"/>
      <sheetData sheetId="69" refreshError="1"/>
      <sheetData sheetId="70"/>
      <sheetData sheetId="71"/>
      <sheetData sheetId="72"/>
      <sheetData sheetId="73"/>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sheetData sheetId="166"/>
      <sheetData sheetId="167" refreshError="1"/>
      <sheetData sheetId="168" refreshError="1"/>
      <sheetData sheetId="169"/>
      <sheetData sheetId="170"/>
      <sheetData sheetId="171"/>
      <sheetData sheetId="172"/>
      <sheetData sheetId="173"/>
      <sheetData sheetId="174"/>
      <sheetData sheetId="175"/>
      <sheetData sheetId="176"/>
      <sheetData sheetId="177"/>
      <sheetData sheetId="178"/>
      <sheetData sheetId="179"/>
      <sheetData sheetId="180"/>
      <sheetData sheetId="181" refreshError="1"/>
      <sheetData sheetId="182" refreshError="1"/>
      <sheetData sheetId="183" refreshError="1"/>
      <sheetData sheetId="184" refreshError="1"/>
      <sheetData sheetId="185" refreshError="1"/>
      <sheetData sheetId="186" refreshError="1"/>
      <sheetData sheetId="187"/>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refreshError="1"/>
      <sheetData sheetId="209" refreshError="1"/>
      <sheetData sheetId="210"/>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sheetData sheetId="268"/>
      <sheetData sheetId="269"/>
      <sheetData sheetId="270"/>
      <sheetData sheetId="271"/>
      <sheetData sheetId="272"/>
      <sheetData sheetId="273"/>
      <sheetData sheetId="274"/>
      <sheetData sheetId="275"/>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refreshError="1"/>
      <sheetData sheetId="350"/>
      <sheetData sheetId="351"/>
      <sheetData sheetId="352"/>
      <sheetData sheetId="353"/>
      <sheetData sheetId="354" refreshError="1"/>
      <sheetData sheetId="355"/>
      <sheetData sheetId="356"/>
      <sheetData sheetId="357" refreshError="1"/>
      <sheetData sheetId="358"/>
      <sheetData sheetId="359"/>
      <sheetData sheetId="360"/>
      <sheetData sheetId="361" refreshError="1"/>
      <sheetData sheetId="362" refreshError="1"/>
      <sheetData sheetId="363" refreshError="1"/>
      <sheetData sheetId="364" refreshError="1"/>
      <sheetData sheetId="365"/>
      <sheetData sheetId="366"/>
      <sheetData sheetId="367"/>
      <sheetData sheetId="368"/>
      <sheetData sheetId="369"/>
      <sheetData sheetId="370"/>
      <sheetData sheetId="371"/>
      <sheetData sheetId="372"/>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refreshError="1"/>
      <sheetData sheetId="404" refreshError="1"/>
      <sheetData sheetId="405"/>
      <sheetData sheetId="406"/>
      <sheetData sheetId="407"/>
      <sheetData sheetId="408"/>
      <sheetData sheetId="409"/>
      <sheetData sheetId="410"/>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refreshError="1"/>
      <sheetData sheetId="476" refreshError="1"/>
      <sheetData sheetId="477" refreshError="1"/>
      <sheetData sheetId="478" refreshError="1"/>
      <sheetData sheetId="479" refreshError="1"/>
      <sheetData sheetId="480" refreshError="1"/>
      <sheetData sheetId="481" refreshError="1"/>
      <sheetData sheetId="482" refreshError="1"/>
      <sheetData sheetId="483" refreshError="1"/>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refreshError="1"/>
      <sheetData sheetId="494" refreshError="1"/>
      <sheetData sheetId="495" refreshError="1"/>
      <sheetData sheetId="496" refreshError="1"/>
      <sheetData sheetId="497" refreshError="1"/>
      <sheetData sheetId="498" refreshError="1"/>
      <sheetData sheetId="499" refreshError="1"/>
      <sheetData sheetId="500" refreshError="1"/>
      <sheetData sheetId="501" refreshError="1"/>
      <sheetData sheetId="502" refreshError="1"/>
      <sheetData sheetId="503" refreshError="1"/>
      <sheetData sheetId="504" refreshError="1"/>
      <sheetData sheetId="505" refreshError="1"/>
      <sheetData sheetId="506" refreshError="1"/>
      <sheetData sheetId="507" refreshError="1"/>
      <sheetData sheetId="508" refreshError="1"/>
      <sheetData sheetId="509" refreshError="1"/>
      <sheetData sheetId="510" refreshError="1"/>
      <sheetData sheetId="511" refreshError="1"/>
      <sheetData sheetId="512" refreshError="1"/>
      <sheetData sheetId="513" refreshError="1"/>
      <sheetData sheetId="514"/>
      <sheetData sheetId="515"/>
      <sheetData sheetId="516"/>
      <sheetData sheetId="517" refreshError="1"/>
      <sheetData sheetId="518" refreshError="1"/>
      <sheetData sheetId="519" refreshError="1"/>
      <sheetData sheetId="520" refreshError="1"/>
      <sheetData sheetId="521" refreshError="1"/>
      <sheetData sheetId="522" refreshError="1"/>
      <sheetData sheetId="523" refreshError="1"/>
      <sheetData sheetId="524" refreshError="1"/>
      <sheetData sheetId="525" refreshError="1"/>
      <sheetData sheetId="526" refreshError="1"/>
      <sheetData sheetId="527" refreshError="1"/>
      <sheetData sheetId="528" refreshError="1"/>
      <sheetData sheetId="529" refreshError="1"/>
      <sheetData sheetId="530" refreshError="1"/>
      <sheetData sheetId="531" refreshError="1"/>
      <sheetData sheetId="532" refreshError="1"/>
      <sheetData sheetId="533" refreshError="1"/>
      <sheetData sheetId="534" refreshError="1"/>
      <sheetData sheetId="535" refreshError="1"/>
      <sheetData sheetId="536" refreshError="1"/>
      <sheetData sheetId="537" refreshError="1"/>
      <sheetData sheetId="538" refreshError="1"/>
      <sheetData sheetId="539" refreshError="1"/>
      <sheetData sheetId="540" refreshError="1"/>
      <sheetData sheetId="541" refreshError="1"/>
      <sheetData sheetId="542" refreshError="1"/>
      <sheetData sheetId="543" refreshError="1"/>
      <sheetData sheetId="544" refreshError="1"/>
      <sheetData sheetId="545" refreshError="1"/>
      <sheetData sheetId="546" refreshError="1"/>
      <sheetData sheetId="547"/>
      <sheetData sheetId="548"/>
      <sheetData sheetId="549" refreshError="1"/>
      <sheetData sheetId="550" refreshError="1"/>
      <sheetData sheetId="551" refreshError="1"/>
      <sheetData sheetId="552" refreshError="1"/>
      <sheetData sheetId="553" refreshError="1"/>
      <sheetData sheetId="554" refreshError="1"/>
      <sheetData sheetId="555" refreshError="1"/>
      <sheetData sheetId="556" refreshError="1"/>
      <sheetData sheetId="557" refreshError="1"/>
      <sheetData sheetId="558" refreshError="1"/>
      <sheetData sheetId="559" refreshError="1"/>
      <sheetData sheetId="560" refreshError="1"/>
      <sheetData sheetId="561" refreshError="1"/>
      <sheetData sheetId="562" refreshError="1"/>
      <sheetData sheetId="563" refreshError="1"/>
      <sheetData sheetId="564" refreshError="1"/>
      <sheetData sheetId="565" refreshError="1"/>
      <sheetData sheetId="566" refreshError="1"/>
      <sheetData sheetId="567" refreshError="1"/>
      <sheetData sheetId="568" refreshError="1"/>
      <sheetData sheetId="569" refreshError="1"/>
      <sheetData sheetId="570" refreshError="1"/>
      <sheetData sheetId="571" refreshError="1"/>
      <sheetData sheetId="572" refreshError="1"/>
      <sheetData sheetId="573" refreshError="1"/>
      <sheetData sheetId="574" refreshError="1"/>
      <sheetData sheetId="575" refreshError="1"/>
      <sheetData sheetId="576" refreshError="1"/>
      <sheetData sheetId="577" refreshError="1"/>
      <sheetData sheetId="578" refreshError="1"/>
      <sheetData sheetId="579" refreshError="1"/>
      <sheetData sheetId="580" refreshError="1"/>
      <sheetData sheetId="581" refreshError="1"/>
      <sheetData sheetId="582" refreshError="1"/>
      <sheetData sheetId="583" refreshError="1"/>
      <sheetData sheetId="584" refreshError="1"/>
      <sheetData sheetId="585" refreshError="1"/>
      <sheetData sheetId="586" refreshError="1"/>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refreshError="1"/>
      <sheetData sheetId="597" refreshError="1"/>
      <sheetData sheetId="598" refreshError="1"/>
      <sheetData sheetId="599" refreshError="1"/>
      <sheetData sheetId="600" refreshError="1"/>
      <sheetData sheetId="601" refreshError="1"/>
      <sheetData sheetId="602" refreshError="1"/>
      <sheetData sheetId="603" refreshError="1"/>
      <sheetData sheetId="604" refreshError="1"/>
      <sheetData sheetId="605" refreshError="1"/>
      <sheetData sheetId="606" refreshError="1"/>
      <sheetData sheetId="607" refreshError="1"/>
      <sheetData sheetId="608" refreshError="1"/>
      <sheetData sheetId="609" refreshError="1"/>
      <sheetData sheetId="610" refreshError="1"/>
      <sheetData sheetId="611" refreshError="1"/>
      <sheetData sheetId="612" refreshError="1"/>
      <sheetData sheetId="613" refreshError="1"/>
      <sheetData sheetId="614" refreshError="1"/>
      <sheetData sheetId="615" refreshError="1"/>
      <sheetData sheetId="616" refreshError="1"/>
      <sheetData sheetId="617" refreshError="1"/>
      <sheetData sheetId="618" refreshError="1"/>
      <sheetData sheetId="619" refreshError="1"/>
      <sheetData sheetId="620" refreshError="1"/>
      <sheetData sheetId="621" refreshError="1"/>
      <sheetData sheetId="622" refreshError="1"/>
      <sheetData sheetId="623" refreshError="1"/>
      <sheetData sheetId="624" refreshError="1"/>
      <sheetData sheetId="625" refreshError="1"/>
      <sheetData sheetId="626" refreshError="1"/>
      <sheetData sheetId="627" refreshError="1"/>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refreshError="1"/>
      <sheetData sheetId="639" refreshError="1"/>
      <sheetData sheetId="640" refreshError="1"/>
      <sheetData sheetId="641" refreshError="1"/>
      <sheetData sheetId="642" refreshError="1"/>
      <sheetData sheetId="643" refreshError="1"/>
      <sheetData sheetId="644"/>
      <sheetData sheetId="645"/>
      <sheetData sheetId="646"/>
      <sheetData sheetId="647"/>
      <sheetData sheetId="648"/>
      <sheetData sheetId="649"/>
      <sheetData sheetId="650"/>
      <sheetData sheetId="651"/>
      <sheetData sheetId="652"/>
      <sheetData sheetId="653"/>
      <sheetData sheetId="654"/>
      <sheetData sheetId="655"/>
      <sheetData sheetId="656"/>
      <sheetData sheetId="657"/>
      <sheetData sheetId="658"/>
      <sheetData sheetId="659"/>
      <sheetData sheetId="660"/>
      <sheetData sheetId="661"/>
      <sheetData sheetId="662"/>
      <sheetData sheetId="663" refreshError="1"/>
      <sheetData sheetId="664" refreshError="1"/>
      <sheetData sheetId="665" refreshError="1"/>
      <sheetData sheetId="666" refreshError="1"/>
      <sheetData sheetId="667" refreshError="1"/>
      <sheetData sheetId="668" refreshError="1"/>
      <sheetData sheetId="669" refreshError="1"/>
      <sheetData sheetId="670" refreshError="1"/>
      <sheetData sheetId="671" refreshError="1"/>
      <sheetData sheetId="672" refreshError="1"/>
      <sheetData sheetId="673" refreshError="1"/>
      <sheetData sheetId="674" refreshError="1"/>
      <sheetData sheetId="675" refreshError="1"/>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E87"/>
  <sheetViews>
    <sheetView showGridLines="0" tabSelected="1" view="pageBreakPreview" zoomScale="70" zoomScaleNormal="100" zoomScaleSheetLayoutView="70" workbookViewId="0">
      <selection activeCell="C2" sqref="C2:D2"/>
    </sheetView>
  </sheetViews>
  <sheetFormatPr defaultColWidth="3.625" defaultRowHeight="20.100000000000001" customHeight="1" x14ac:dyDescent="0.4"/>
  <cols>
    <col min="1" max="1" width="3.625" style="23"/>
    <col min="2" max="2" width="2.75" style="24" customWidth="1"/>
    <col min="3" max="7" width="22.125" style="24" customWidth="1"/>
    <col min="8" max="9" width="11.25" style="24" customWidth="1"/>
    <col min="10" max="10" width="3.625" style="24"/>
    <col min="11" max="12" width="3.625" style="21"/>
    <col min="13" max="14" width="16.5" style="21" bestFit="1" customWidth="1"/>
    <col min="15" max="16" width="3.625" style="21"/>
    <col min="17" max="18" width="3.75" style="21" customWidth="1"/>
    <col min="19" max="16384" width="3.625" style="21"/>
  </cols>
  <sheetData>
    <row r="1" spans="1:11" ht="20.100000000000001" customHeight="1" thickBot="1" x14ac:dyDescent="0.45">
      <c r="A1" s="21"/>
      <c r="B1" s="21"/>
      <c r="C1" s="21"/>
      <c r="D1" s="21"/>
      <c r="E1" s="21"/>
      <c r="F1" s="21"/>
      <c r="G1" s="21"/>
      <c r="H1" s="21"/>
      <c r="I1" s="21"/>
      <c r="J1" s="21"/>
    </row>
    <row r="2" spans="1:11" ht="20.100000000000001" customHeight="1" thickBot="1" x14ac:dyDescent="0.45">
      <c r="A2" s="21"/>
      <c r="B2" s="21"/>
      <c r="C2" s="116"/>
      <c r="D2" s="116"/>
      <c r="E2" s="68" t="s">
        <v>0</v>
      </c>
      <c r="F2" s="69"/>
      <c r="G2" s="1"/>
      <c r="H2" s="21"/>
      <c r="I2" s="103" t="str">
        <f>IF(C44="","-",C44)</f>
        <v>-</v>
      </c>
      <c r="J2" s="104"/>
    </row>
    <row r="3" spans="1:11" ht="29.25" customHeight="1" x14ac:dyDescent="0.4">
      <c r="A3" s="21"/>
      <c r="B3" s="21"/>
      <c r="C3" s="21"/>
      <c r="D3" s="21"/>
      <c r="E3" s="21"/>
      <c r="F3" s="21"/>
      <c r="G3" s="21"/>
      <c r="H3" s="21"/>
      <c r="I3" s="21"/>
      <c r="J3" s="21"/>
    </row>
    <row r="4" spans="1:11" ht="20.100000000000001" customHeight="1" x14ac:dyDescent="0.4">
      <c r="A4" s="21"/>
      <c r="B4" s="21"/>
      <c r="C4" s="108" t="s">
        <v>51</v>
      </c>
      <c r="D4" s="108"/>
      <c r="E4" s="108"/>
      <c r="F4" s="108"/>
      <c r="G4" s="108"/>
      <c r="H4" s="108"/>
      <c r="I4" s="108"/>
      <c r="J4" s="21"/>
    </row>
    <row r="5" spans="1:11" ht="20.100000000000001" customHeight="1" x14ac:dyDescent="0.4">
      <c r="A5" s="21"/>
      <c r="B5" s="21"/>
      <c r="C5" s="21"/>
      <c r="D5" s="21"/>
      <c r="E5" s="21"/>
      <c r="F5" s="21"/>
      <c r="G5" s="21"/>
      <c r="H5" s="21"/>
      <c r="I5" s="21"/>
      <c r="J5" s="21"/>
    </row>
    <row r="6" spans="1:11" ht="20.100000000000001" customHeight="1" x14ac:dyDescent="0.4">
      <c r="A6" s="1"/>
      <c r="B6" s="1"/>
      <c r="C6" s="2" t="s">
        <v>57</v>
      </c>
      <c r="D6" s="2"/>
      <c r="E6" s="2"/>
      <c r="F6" s="2"/>
      <c r="G6" s="2"/>
      <c r="H6" s="67" t="s">
        <v>53</v>
      </c>
      <c r="I6" s="120"/>
      <c r="J6" s="120"/>
      <c r="K6" s="120"/>
    </row>
    <row r="7" spans="1:11" ht="20.100000000000001" customHeight="1" x14ac:dyDescent="0.4">
      <c r="A7" s="1"/>
      <c r="B7" s="1"/>
      <c r="C7" s="2" t="s">
        <v>58</v>
      </c>
      <c r="D7" s="2"/>
      <c r="E7" s="2"/>
      <c r="F7" s="2"/>
      <c r="G7" s="2"/>
      <c r="H7" s="67" t="s">
        <v>54</v>
      </c>
      <c r="I7" s="120"/>
      <c r="J7" s="120"/>
      <c r="K7" s="120"/>
    </row>
    <row r="8" spans="1:11" ht="20.100000000000001" customHeight="1" x14ac:dyDescent="0.4">
      <c r="A8" s="1"/>
      <c r="B8" s="1"/>
      <c r="C8" s="2"/>
      <c r="D8" s="2"/>
      <c r="E8" s="2"/>
      <c r="F8" s="2"/>
      <c r="G8" s="2"/>
      <c r="H8" s="67" t="s">
        <v>55</v>
      </c>
      <c r="I8" s="120"/>
      <c r="J8" s="120"/>
      <c r="K8" s="120"/>
    </row>
    <row r="9" spans="1:11" ht="20.100000000000001" customHeight="1" x14ac:dyDescent="0.4">
      <c r="A9" s="1"/>
      <c r="B9" s="1"/>
      <c r="C9" s="2"/>
      <c r="D9" s="2"/>
      <c r="E9" s="2"/>
      <c r="F9" s="2"/>
      <c r="G9" s="2"/>
      <c r="H9" s="67" t="s">
        <v>52</v>
      </c>
      <c r="I9" s="121"/>
      <c r="J9" s="121"/>
      <c r="K9" s="121"/>
    </row>
    <row r="10" spans="1:11" ht="20.100000000000001" customHeight="1" x14ac:dyDescent="0.4">
      <c r="A10" s="1"/>
      <c r="B10" s="1"/>
      <c r="C10" s="2"/>
      <c r="D10" s="64"/>
      <c r="E10" s="2"/>
      <c r="F10" s="2"/>
      <c r="G10" s="2"/>
      <c r="H10" s="67" t="s">
        <v>56</v>
      </c>
      <c r="I10" s="120"/>
      <c r="J10" s="120"/>
      <c r="K10" s="120"/>
    </row>
    <row r="11" spans="1:11" ht="20.100000000000001" customHeight="1" x14ac:dyDescent="0.4">
      <c r="E11" s="25"/>
      <c r="G11" s="25"/>
    </row>
    <row r="12" spans="1:11" ht="20.100000000000001" customHeight="1" x14ac:dyDescent="0.4">
      <c r="C12" s="24" t="s">
        <v>74</v>
      </c>
      <c r="D12" s="26" t="s">
        <v>1</v>
      </c>
      <c r="E12" s="26" t="s">
        <v>72</v>
      </c>
      <c r="F12" s="26" t="s">
        <v>2</v>
      </c>
      <c r="G12" s="26" t="s">
        <v>3</v>
      </c>
    </row>
    <row r="13" spans="1:11" ht="20.100000000000001" customHeight="1" x14ac:dyDescent="0.4">
      <c r="D13" s="14"/>
      <c r="E13" s="14"/>
      <c r="F13" s="14"/>
      <c r="G13" s="14"/>
    </row>
    <row r="14" spans="1:11" ht="20.100000000000001" customHeight="1" x14ac:dyDescent="0.4">
      <c r="D14" s="27"/>
      <c r="E14" s="28"/>
      <c r="F14" s="27"/>
      <c r="G14" s="28"/>
    </row>
    <row r="15" spans="1:11" ht="20.100000000000001" customHeight="1" x14ac:dyDescent="0.4">
      <c r="C15" s="114" t="s">
        <v>60</v>
      </c>
      <c r="D15" s="29"/>
      <c r="E15" s="29"/>
    </row>
    <row r="16" spans="1:11" ht="20.100000000000001" customHeight="1" x14ac:dyDescent="0.4">
      <c r="B16" s="30"/>
      <c r="C16" s="115"/>
      <c r="D16" s="31"/>
      <c r="E16" s="31"/>
      <c r="F16" s="32"/>
      <c r="G16" s="32"/>
      <c r="H16" s="33"/>
      <c r="I16" s="33"/>
      <c r="J16" s="32"/>
      <c r="K16" s="34"/>
    </row>
    <row r="17" spans="2:14" ht="20.100000000000001" customHeight="1" x14ac:dyDescent="0.4">
      <c r="B17" s="35"/>
      <c r="C17" s="36" t="s">
        <v>62</v>
      </c>
      <c r="D17" s="36" t="s">
        <v>18</v>
      </c>
      <c r="E17" s="36" t="s">
        <v>19</v>
      </c>
      <c r="F17" s="36" t="s">
        <v>20</v>
      </c>
      <c r="G17" s="36" t="s">
        <v>81</v>
      </c>
      <c r="H17" s="82" t="s">
        <v>63</v>
      </c>
      <c r="I17" s="82"/>
      <c r="K17" s="34"/>
    </row>
    <row r="18" spans="2:14" ht="36" customHeight="1" x14ac:dyDescent="0.4">
      <c r="B18" s="35"/>
      <c r="C18" s="6"/>
      <c r="D18" s="18"/>
      <c r="E18" s="18"/>
      <c r="F18" s="18"/>
      <c r="G18" s="3"/>
      <c r="H18" s="113"/>
      <c r="I18" s="113"/>
      <c r="K18" s="34"/>
      <c r="L18" s="63"/>
    </row>
    <row r="19" spans="2:14" ht="20.100000000000001" customHeight="1" x14ac:dyDescent="0.4">
      <c r="B19" s="35"/>
      <c r="C19" s="117" t="s">
        <v>61</v>
      </c>
      <c r="D19" s="109" t="s">
        <v>21</v>
      </c>
      <c r="E19" s="110" t="s">
        <v>64</v>
      </c>
      <c r="F19" s="111"/>
      <c r="G19" s="112"/>
      <c r="H19" s="105" t="s">
        <v>75</v>
      </c>
      <c r="I19" s="105"/>
      <c r="K19" s="34"/>
    </row>
    <row r="20" spans="2:14" ht="18.75" customHeight="1" x14ac:dyDescent="0.4">
      <c r="B20" s="35"/>
      <c r="C20" s="88"/>
      <c r="D20" s="109"/>
      <c r="E20" s="37" t="s">
        <v>22</v>
      </c>
      <c r="F20" s="38" t="s">
        <v>23</v>
      </c>
      <c r="G20" s="39" t="s">
        <v>24</v>
      </c>
      <c r="H20" s="105"/>
      <c r="I20" s="105"/>
      <c r="K20" s="35"/>
    </row>
    <row r="21" spans="2:14" ht="36" customHeight="1" x14ac:dyDescent="0.4">
      <c r="B21" s="35"/>
      <c r="C21" s="11"/>
      <c r="D21" s="18"/>
      <c r="E21" s="8"/>
      <c r="F21" s="9"/>
      <c r="G21" s="10"/>
      <c r="H21" s="106"/>
      <c r="I21" s="106"/>
      <c r="K21" s="35"/>
    </row>
    <row r="22" spans="2:14" ht="20.100000000000001" customHeight="1" x14ac:dyDescent="0.4">
      <c r="B22" s="35"/>
      <c r="C22" s="118" t="s">
        <v>65</v>
      </c>
      <c r="D22" s="118" t="s">
        <v>66</v>
      </c>
      <c r="E22" s="127" t="s">
        <v>93</v>
      </c>
      <c r="F22" s="128"/>
      <c r="G22" s="105" t="s">
        <v>96</v>
      </c>
      <c r="H22" s="105" t="s">
        <v>25</v>
      </c>
      <c r="I22" s="105"/>
      <c r="K22" s="35"/>
    </row>
    <row r="23" spans="2:14" ht="20.100000000000001" customHeight="1" x14ac:dyDescent="0.4">
      <c r="B23" s="35"/>
      <c r="C23" s="119"/>
      <c r="D23" s="119"/>
      <c r="E23" s="19" t="s">
        <v>94</v>
      </c>
      <c r="F23" s="20" t="s">
        <v>95</v>
      </c>
      <c r="G23" s="109"/>
      <c r="H23" s="105"/>
      <c r="I23" s="105"/>
      <c r="K23" s="35"/>
      <c r="M23" s="21" t="s">
        <v>82</v>
      </c>
      <c r="N23" s="21" t="s">
        <v>86</v>
      </c>
    </row>
    <row r="24" spans="2:14" ht="36" customHeight="1" x14ac:dyDescent="0.4">
      <c r="B24" s="35"/>
      <c r="C24" s="17"/>
      <c r="D24" s="65"/>
      <c r="E24" s="12"/>
      <c r="F24" s="13"/>
      <c r="G24" s="16"/>
      <c r="H24" s="107"/>
      <c r="I24" s="107"/>
      <c r="K24" s="34"/>
      <c r="M24" s="21" t="s">
        <v>85</v>
      </c>
    </row>
    <row r="25" spans="2:14" ht="20.100000000000001" customHeight="1" x14ac:dyDescent="0.4">
      <c r="B25" s="40"/>
      <c r="C25" s="41"/>
      <c r="D25" s="41"/>
      <c r="E25" s="41"/>
      <c r="F25" s="41"/>
      <c r="G25" s="41"/>
      <c r="H25" s="42"/>
      <c r="I25" s="42"/>
      <c r="J25" s="42"/>
      <c r="K25" s="34"/>
      <c r="L25" s="63"/>
    </row>
    <row r="26" spans="2:14" ht="20.100000000000001" customHeight="1" x14ac:dyDescent="0.4">
      <c r="C26" s="23"/>
      <c r="D26" s="23"/>
      <c r="E26" s="23"/>
      <c r="F26" s="23"/>
      <c r="G26" s="23"/>
      <c r="L26" s="63"/>
    </row>
    <row r="27" spans="2:14" ht="20.100000000000001" customHeight="1" x14ac:dyDescent="0.4">
      <c r="C27" s="114" t="s">
        <v>59</v>
      </c>
      <c r="D27" s="114"/>
      <c r="E27" s="43"/>
    </row>
    <row r="28" spans="2:14" ht="20.100000000000001" customHeight="1" x14ac:dyDescent="0.4">
      <c r="B28" s="30"/>
      <c r="C28" s="114"/>
      <c r="D28" s="114"/>
      <c r="E28" s="44"/>
      <c r="F28" s="32"/>
      <c r="G28" s="32"/>
      <c r="H28" s="45"/>
      <c r="I28" s="45"/>
      <c r="J28" s="32"/>
      <c r="K28" s="34"/>
    </row>
    <row r="29" spans="2:14" ht="20.100000000000001" customHeight="1" x14ac:dyDescent="0.4">
      <c r="B29" s="46"/>
      <c r="C29" s="47" t="s">
        <v>67</v>
      </c>
      <c r="H29" s="47"/>
      <c r="I29" s="47"/>
      <c r="K29" s="34"/>
    </row>
    <row r="30" spans="2:14" ht="20.100000000000001" customHeight="1" x14ac:dyDescent="0.4">
      <c r="B30" s="46"/>
      <c r="C30" s="91" t="s">
        <v>26</v>
      </c>
      <c r="D30" s="101"/>
      <c r="E30" s="82" t="s">
        <v>27</v>
      </c>
      <c r="F30" s="82"/>
      <c r="G30" s="82" t="s">
        <v>28</v>
      </c>
      <c r="H30" s="82"/>
      <c r="I30" s="82"/>
      <c r="K30" s="34"/>
    </row>
    <row r="31" spans="2:14" ht="27" customHeight="1" x14ac:dyDescent="0.4">
      <c r="B31" s="46"/>
      <c r="C31" s="102"/>
      <c r="D31" s="102"/>
      <c r="E31" s="83"/>
      <c r="F31" s="83"/>
      <c r="G31" s="83"/>
      <c r="H31" s="83"/>
      <c r="I31" s="83"/>
      <c r="K31" s="34"/>
    </row>
    <row r="32" spans="2:14" ht="20.100000000000001" customHeight="1" x14ac:dyDescent="0.4">
      <c r="B32" s="35"/>
      <c r="C32" s="82" t="s">
        <v>97</v>
      </c>
      <c r="D32" s="82"/>
      <c r="E32" s="36" t="s">
        <v>98</v>
      </c>
      <c r="F32" s="36" t="s">
        <v>99</v>
      </c>
      <c r="G32" s="82" t="s">
        <v>3</v>
      </c>
      <c r="H32" s="82"/>
      <c r="I32" s="82"/>
      <c r="K32" s="34"/>
    </row>
    <row r="33" spans="2:31" ht="27" customHeight="1" x14ac:dyDescent="0.4">
      <c r="B33" s="35"/>
      <c r="C33" s="83"/>
      <c r="D33" s="83"/>
      <c r="E33" s="15"/>
      <c r="F33" s="15"/>
      <c r="G33" s="83"/>
      <c r="H33" s="83"/>
      <c r="I33" s="83"/>
      <c r="K33" s="34"/>
    </row>
    <row r="34" spans="2:31" ht="20.100000000000001" customHeight="1" x14ac:dyDescent="0.4">
      <c r="B34" s="35"/>
      <c r="C34" s="48"/>
      <c r="D34" s="48"/>
      <c r="E34" s="48"/>
      <c r="F34" s="48"/>
      <c r="G34" s="49"/>
      <c r="K34" s="34"/>
    </row>
    <row r="35" spans="2:31" ht="20.100000000000001" customHeight="1" x14ac:dyDescent="0.4">
      <c r="B35" s="35"/>
      <c r="C35" s="47" t="s">
        <v>29</v>
      </c>
      <c r="K35" s="34"/>
    </row>
    <row r="36" spans="2:31" ht="20.100000000000001" customHeight="1" x14ac:dyDescent="0.4">
      <c r="B36" s="35"/>
      <c r="C36" s="84" t="s">
        <v>30</v>
      </c>
      <c r="D36" s="85"/>
      <c r="E36" s="86" t="s">
        <v>76</v>
      </c>
      <c r="F36" s="87"/>
      <c r="G36" s="122" t="s">
        <v>79</v>
      </c>
      <c r="H36" s="123"/>
      <c r="I36" s="123"/>
      <c r="K36" s="34"/>
    </row>
    <row r="37" spans="2:31" ht="20.100000000000001" customHeight="1" x14ac:dyDescent="0.4">
      <c r="B37" s="35"/>
      <c r="C37" s="19" t="s">
        <v>31</v>
      </c>
      <c r="D37" s="20" t="s">
        <v>19</v>
      </c>
      <c r="E37" s="88"/>
      <c r="F37" s="89"/>
      <c r="G37" s="122"/>
      <c r="H37" s="123"/>
      <c r="I37" s="123"/>
      <c r="K37" s="34"/>
    </row>
    <row r="38" spans="2:31" ht="27" customHeight="1" x14ac:dyDescent="0.4">
      <c r="B38" s="35"/>
      <c r="C38" s="5"/>
      <c r="D38" s="4"/>
      <c r="E38" s="83"/>
      <c r="F38" s="90"/>
      <c r="G38" s="124"/>
      <c r="H38" s="125"/>
      <c r="I38" s="125"/>
      <c r="K38" s="34"/>
      <c r="L38" s="63"/>
    </row>
    <row r="39" spans="2:31" ht="20.100000000000001" customHeight="1" x14ac:dyDescent="0.4">
      <c r="B39" s="35"/>
      <c r="C39" s="91" t="s">
        <v>73</v>
      </c>
      <c r="D39" s="92"/>
      <c r="E39" s="50" t="s">
        <v>32</v>
      </c>
      <c r="F39" s="82" t="s">
        <v>33</v>
      </c>
      <c r="G39" s="82"/>
      <c r="H39" s="82"/>
      <c r="I39" s="82"/>
      <c r="K39" s="34"/>
      <c r="P39" s="23"/>
      <c r="Q39" s="23"/>
      <c r="R39" s="23"/>
      <c r="S39" s="23"/>
      <c r="T39" s="23"/>
      <c r="U39" s="23"/>
      <c r="V39" s="23"/>
      <c r="W39" s="23"/>
      <c r="X39" s="23"/>
      <c r="Y39" s="23"/>
      <c r="Z39" s="23"/>
      <c r="AA39" s="23"/>
      <c r="AB39" s="23"/>
      <c r="AC39" s="23"/>
      <c r="AD39" s="23"/>
      <c r="AE39" s="23"/>
    </row>
    <row r="40" spans="2:31" ht="27" customHeight="1" x14ac:dyDescent="0.4">
      <c r="B40" s="35"/>
      <c r="C40" s="83"/>
      <c r="D40" s="83"/>
      <c r="E40" s="15"/>
      <c r="F40" s="126"/>
      <c r="G40" s="126"/>
      <c r="H40" s="126"/>
      <c r="I40" s="126"/>
      <c r="K40" s="34"/>
      <c r="P40" s="23"/>
      <c r="Q40" s="23"/>
      <c r="R40" s="23"/>
      <c r="S40" s="23"/>
      <c r="T40" s="23"/>
      <c r="U40" s="23"/>
      <c r="V40" s="23"/>
      <c r="W40" s="23"/>
      <c r="X40" s="23"/>
      <c r="Y40" s="23"/>
      <c r="Z40" s="23"/>
      <c r="AA40" s="23"/>
      <c r="AB40" s="23"/>
      <c r="AC40" s="23"/>
      <c r="AD40" s="23"/>
      <c r="AE40" s="23"/>
    </row>
    <row r="41" spans="2:31" ht="20.100000000000001" customHeight="1" x14ac:dyDescent="0.4">
      <c r="B41" s="35"/>
      <c r="D41" s="21"/>
      <c r="E41" s="21"/>
      <c r="F41" s="21"/>
      <c r="G41" s="21"/>
      <c r="K41" s="34"/>
      <c r="P41" s="23"/>
      <c r="Q41" s="23"/>
      <c r="R41" s="23"/>
      <c r="S41" s="23"/>
      <c r="T41" s="23"/>
      <c r="U41" s="23"/>
      <c r="V41" s="23"/>
      <c r="W41" s="23"/>
      <c r="X41" s="23"/>
      <c r="Y41" s="23"/>
      <c r="Z41" s="23"/>
      <c r="AA41" s="23"/>
      <c r="AB41" s="23"/>
      <c r="AC41" s="23"/>
      <c r="AD41" s="23"/>
      <c r="AE41" s="23"/>
    </row>
    <row r="42" spans="2:31" ht="20.100000000000001" customHeight="1" x14ac:dyDescent="0.4">
      <c r="B42" s="35"/>
      <c r="C42" s="47" t="s">
        <v>34</v>
      </c>
      <c r="K42" s="34"/>
    </row>
    <row r="43" spans="2:31" ht="20.100000000000001" customHeight="1" x14ac:dyDescent="0.4">
      <c r="B43" s="35"/>
      <c r="C43" s="82" t="s">
        <v>68</v>
      </c>
      <c r="D43" s="82"/>
      <c r="E43" s="82" t="s">
        <v>69</v>
      </c>
      <c r="F43" s="82"/>
      <c r="G43" s="82" t="s">
        <v>35</v>
      </c>
      <c r="H43" s="82"/>
      <c r="I43" s="82"/>
      <c r="K43" s="34"/>
    </row>
    <row r="44" spans="2:31" ht="27" customHeight="1" x14ac:dyDescent="0.4">
      <c r="B44" s="35"/>
      <c r="C44" s="100"/>
      <c r="D44" s="100"/>
      <c r="E44" s="83"/>
      <c r="F44" s="83"/>
      <c r="G44" s="83"/>
      <c r="H44" s="83"/>
      <c r="I44" s="83"/>
      <c r="K44" s="34"/>
    </row>
    <row r="45" spans="2:31" ht="20.100000000000001" customHeight="1" x14ac:dyDescent="0.4">
      <c r="B45" s="35"/>
      <c r="C45" s="98" t="s">
        <v>70</v>
      </c>
      <c r="D45" s="99"/>
      <c r="E45" s="82" t="s">
        <v>36</v>
      </c>
      <c r="F45" s="82"/>
      <c r="G45" s="82"/>
      <c r="H45" s="82" t="s">
        <v>37</v>
      </c>
      <c r="I45" s="82"/>
      <c r="K45" s="34"/>
      <c r="AC45" s="23"/>
      <c r="AD45" s="23"/>
      <c r="AE45" s="23"/>
    </row>
    <row r="46" spans="2:31" ht="27" customHeight="1" x14ac:dyDescent="0.4">
      <c r="B46" s="35"/>
      <c r="C46" s="83"/>
      <c r="D46" s="83"/>
      <c r="E46" s="97"/>
      <c r="F46" s="97"/>
      <c r="G46" s="97"/>
      <c r="H46" s="106"/>
      <c r="I46" s="106"/>
      <c r="K46" s="34"/>
    </row>
    <row r="47" spans="2:31" ht="19.5" customHeight="1" x14ac:dyDescent="0.4">
      <c r="B47" s="35"/>
      <c r="C47" s="93" t="s">
        <v>77</v>
      </c>
      <c r="D47" s="94"/>
      <c r="E47" s="95" t="s">
        <v>78</v>
      </c>
      <c r="F47" s="96"/>
      <c r="G47" s="23"/>
      <c r="K47" s="34"/>
    </row>
    <row r="48" spans="2:31" ht="20.100000000000001" customHeight="1" x14ac:dyDescent="0.4">
      <c r="B48" s="35"/>
      <c r="C48" s="19" t="s">
        <v>71</v>
      </c>
      <c r="D48" s="20" t="s">
        <v>38</v>
      </c>
      <c r="E48" s="19" t="s">
        <v>39</v>
      </c>
      <c r="F48" s="20" t="s">
        <v>40</v>
      </c>
      <c r="G48" s="23" t="s">
        <v>80</v>
      </c>
      <c r="K48" s="34"/>
    </row>
    <row r="49" spans="1:11" ht="27" customHeight="1" x14ac:dyDescent="0.4">
      <c r="B49" s="35"/>
      <c r="C49" s="5"/>
      <c r="D49" s="4"/>
      <c r="E49" s="5"/>
      <c r="F49" s="7"/>
      <c r="K49" s="34"/>
    </row>
    <row r="50" spans="1:11" ht="20.100000000000001" customHeight="1" x14ac:dyDescent="0.4">
      <c r="B50" s="35"/>
      <c r="C50" s="51"/>
      <c r="D50" s="51"/>
      <c r="E50" s="51"/>
      <c r="F50" s="52"/>
      <c r="K50" s="34"/>
    </row>
    <row r="51" spans="1:11" ht="20.100000000000001" customHeight="1" x14ac:dyDescent="0.4">
      <c r="B51" s="35"/>
      <c r="C51" s="53"/>
      <c r="D51" s="53"/>
      <c r="E51" s="53"/>
      <c r="F51" s="54"/>
      <c r="G51" s="55"/>
      <c r="H51" s="55"/>
      <c r="I51" s="27"/>
      <c r="K51" s="34"/>
    </row>
    <row r="52" spans="1:11" s="22" customFormat="1" ht="20.100000000000001" customHeight="1" x14ac:dyDescent="0.4">
      <c r="A52" s="24"/>
      <c r="B52" s="35"/>
      <c r="C52" s="24" t="s">
        <v>87</v>
      </c>
      <c r="D52" s="51"/>
      <c r="E52" s="51"/>
      <c r="F52" s="52"/>
      <c r="G52" s="24"/>
      <c r="H52" s="24"/>
      <c r="I52" s="24"/>
      <c r="J52" s="24"/>
      <c r="K52" s="56"/>
    </row>
    <row r="53" spans="1:11" s="22" customFormat="1" ht="20.100000000000001" customHeight="1" x14ac:dyDescent="0.4">
      <c r="A53" s="24"/>
      <c r="B53" s="35"/>
      <c r="C53" s="51"/>
      <c r="D53" s="51"/>
      <c r="E53" s="51"/>
      <c r="F53" s="52"/>
      <c r="G53" s="24"/>
      <c r="H53" s="24"/>
      <c r="I53" s="24"/>
      <c r="J53" s="24"/>
      <c r="K53" s="56"/>
    </row>
    <row r="54" spans="1:11" s="22" customFormat="1" ht="20.100000000000001" customHeight="1" x14ac:dyDescent="0.4">
      <c r="A54" s="24"/>
      <c r="B54" s="35"/>
      <c r="C54" s="47" t="s">
        <v>41</v>
      </c>
      <c r="D54" s="24" t="s">
        <v>42</v>
      </c>
      <c r="E54" s="24"/>
      <c r="F54" s="24"/>
      <c r="G54" s="24"/>
      <c r="H54" s="24"/>
      <c r="I54" s="24"/>
      <c r="J54" s="24"/>
      <c r="K54" s="56"/>
    </row>
    <row r="55" spans="1:11" s="22" customFormat="1" ht="20.100000000000001" customHeight="1" x14ac:dyDescent="0.4">
      <c r="A55" s="24"/>
      <c r="B55" s="35"/>
      <c r="C55" s="57" t="s">
        <v>43</v>
      </c>
      <c r="D55" s="58" t="e" cm="1">
        <f t="array" ref="D55">_xlfn.IFS(C21=C68,D68,C21=C69,D69,C21=C70,D70,C21=C71,D71,C21=C72,D72,C21=C73,D73,C21=C74,D74,C21=C75,D75,C21=C76,D76,C21=C77,D77,C21=C78,D78,C21=C79,D79,C21=C80,D80,C21=C81,D81,C21=C82,D82,C21=C83,D83,C21=C84,D84,C21=C85,D85,C21=C86,D86,C21=C87,D87)</f>
        <v>#N/A</v>
      </c>
      <c r="E55" s="66" t="s">
        <v>90</v>
      </c>
      <c r="F55" s="24"/>
      <c r="G55" s="24"/>
      <c r="H55" s="24"/>
      <c r="I55" s="24"/>
      <c r="J55" s="24"/>
      <c r="K55" s="56"/>
    </row>
    <row r="56" spans="1:11" s="22" customFormat="1" ht="20.100000000000001" customHeight="1" x14ac:dyDescent="0.4">
      <c r="A56" s="24"/>
      <c r="B56" s="35"/>
      <c r="C56" s="24"/>
      <c r="D56" s="51"/>
      <c r="E56" s="24"/>
      <c r="F56" s="24"/>
      <c r="G56" s="24"/>
      <c r="H56" s="24"/>
      <c r="I56" s="24"/>
      <c r="J56" s="24"/>
      <c r="K56" s="56"/>
    </row>
    <row r="57" spans="1:11" s="22" customFormat="1" ht="19.5" customHeight="1" x14ac:dyDescent="0.4">
      <c r="A57" s="24"/>
      <c r="B57" s="35"/>
      <c r="C57" s="47" t="s">
        <v>44</v>
      </c>
      <c r="D57" s="24"/>
      <c r="E57" s="24"/>
      <c r="F57" s="24"/>
      <c r="G57" s="24"/>
      <c r="H57" s="24"/>
      <c r="I57" s="24"/>
      <c r="J57" s="24"/>
      <c r="K57" s="56"/>
    </row>
    <row r="58" spans="1:11" s="22" customFormat="1" ht="20.100000000000001" customHeight="1" x14ac:dyDescent="0.4">
      <c r="A58" s="24"/>
      <c r="B58" s="35"/>
      <c r="C58" s="24" t="s">
        <v>45</v>
      </c>
      <c r="D58" s="24"/>
      <c r="E58" s="24"/>
      <c r="F58" s="24"/>
      <c r="G58" s="24"/>
      <c r="H58" s="24"/>
      <c r="I58" s="24"/>
      <c r="J58" s="24"/>
      <c r="K58" s="56"/>
    </row>
    <row r="59" spans="1:11" s="22" customFormat="1" ht="20.100000000000001" customHeight="1" x14ac:dyDescent="0.4">
      <c r="A59" s="24"/>
      <c r="B59" s="35"/>
      <c r="C59" s="70" t="s">
        <v>46</v>
      </c>
      <c r="D59" s="73" t="s">
        <v>47</v>
      </c>
      <c r="E59" s="74"/>
      <c r="F59" s="74" t="s">
        <v>89</v>
      </c>
      <c r="G59" s="79"/>
      <c r="H59" s="24"/>
      <c r="I59" s="24"/>
      <c r="J59" s="24"/>
      <c r="K59" s="56"/>
    </row>
    <row r="60" spans="1:11" s="22" customFormat="1" ht="20.100000000000001" customHeight="1" x14ac:dyDescent="0.4">
      <c r="A60" s="24"/>
      <c r="B60" s="35"/>
      <c r="C60" s="71"/>
      <c r="D60" s="75"/>
      <c r="E60" s="76"/>
      <c r="F60" s="76"/>
      <c r="G60" s="80"/>
      <c r="H60" s="24"/>
      <c r="I60" s="24"/>
      <c r="J60" s="24"/>
      <c r="K60" s="56"/>
    </row>
    <row r="61" spans="1:11" s="22" customFormat="1" ht="20.100000000000001" customHeight="1" x14ac:dyDescent="0.4">
      <c r="A61" s="24"/>
      <c r="B61" s="35"/>
      <c r="C61" s="72"/>
      <c r="D61" s="77"/>
      <c r="E61" s="78"/>
      <c r="F61" s="78"/>
      <c r="G61" s="81"/>
      <c r="H61" s="24"/>
      <c r="I61" s="24"/>
      <c r="J61" s="24"/>
      <c r="K61" s="56"/>
    </row>
    <row r="62" spans="1:11" s="22" customFormat="1" ht="20.100000000000001" customHeight="1" x14ac:dyDescent="0.4">
      <c r="A62" s="24"/>
      <c r="B62" s="35"/>
      <c r="C62" s="59"/>
      <c r="D62" s="60"/>
      <c r="E62" s="60"/>
      <c r="F62" s="60"/>
      <c r="G62" s="60"/>
      <c r="H62" s="24"/>
      <c r="I62" s="24"/>
      <c r="J62" s="24"/>
      <c r="K62" s="56"/>
    </row>
    <row r="63" spans="1:11" s="22" customFormat="1" ht="20.100000000000001" customHeight="1" x14ac:dyDescent="0.4">
      <c r="A63" s="24"/>
      <c r="B63" s="35"/>
      <c r="C63" s="47" t="s">
        <v>48</v>
      </c>
      <c r="D63" s="24"/>
      <c r="E63" s="24"/>
      <c r="F63" s="24"/>
      <c r="G63" s="24"/>
      <c r="H63" s="24"/>
      <c r="I63" s="24"/>
      <c r="J63" s="24"/>
      <c r="K63" s="56"/>
    </row>
    <row r="64" spans="1:11" s="22" customFormat="1" ht="20.100000000000001" customHeight="1" x14ac:dyDescent="0.4">
      <c r="A64" s="24"/>
      <c r="B64" s="35"/>
      <c r="C64" s="24" t="s">
        <v>49</v>
      </c>
      <c r="D64" s="24"/>
      <c r="E64" s="24"/>
      <c r="F64" s="24"/>
      <c r="G64" s="24"/>
      <c r="H64" s="24"/>
      <c r="I64" s="24"/>
      <c r="J64" s="24"/>
      <c r="K64" s="56"/>
    </row>
    <row r="65" spans="1:11" s="22" customFormat="1" ht="20.100000000000001" customHeight="1" x14ac:dyDescent="0.4">
      <c r="A65" s="24"/>
      <c r="B65" s="40"/>
      <c r="C65" s="42" t="s">
        <v>50</v>
      </c>
      <c r="D65" s="42"/>
      <c r="E65" s="42"/>
      <c r="F65" s="42"/>
      <c r="G65" s="42"/>
      <c r="H65" s="42"/>
      <c r="I65" s="42"/>
      <c r="J65" s="61"/>
      <c r="K65" s="56"/>
    </row>
    <row r="67" spans="1:11" ht="20.100000000000001" customHeight="1" x14ac:dyDescent="0.4">
      <c r="B67" s="23"/>
    </row>
    <row r="68" spans="1:11" ht="20.100000000000001" customHeight="1" x14ac:dyDescent="0.4">
      <c r="B68" s="23"/>
      <c r="C68" s="62" t="s">
        <v>83</v>
      </c>
      <c r="D68" s="23" t="s">
        <v>104</v>
      </c>
    </row>
    <row r="69" spans="1:11" ht="20.100000000000001" customHeight="1" x14ac:dyDescent="0.4">
      <c r="C69" s="62" t="s">
        <v>4</v>
      </c>
      <c r="D69" s="24" t="s">
        <v>101</v>
      </c>
    </row>
    <row r="70" spans="1:11" ht="20.100000000000001" customHeight="1" x14ac:dyDescent="0.4">
      <c r="C70" s="62" t="s">
        <v>5</v>
      </c>
      <c r="D70" s="24" t="s">
        <v>101</v>
      </c>
    </row>
    <row r="71" spans="1:11" ht="20.100000000000001" customHeight="1" x14ac:dyDescent="0.4">
      <c r="C71" s="62" t="s">
        <v>6</v>
      </c>
      <c r="D71" s="24" t="s">
        <v>101</v>
      </c>
    </row>
    <row r="72" spans="1:11" ht="20.100000000000001" customHeight="1" x14ac:dyDescent="0.4">
      <c r="C72" s="62" t="s">
        <v>84</v>
      </c>
      <c r="D72" s="24" t="s">
        <v>101</v>
      </c>
    </row>
    <row r="73" spans="1:11" ht="20.100000000000001" customHeight="1" x14ac:dyDescent="0.4">
      <c r="C73" s="62" t="s">
        <v>91</v>
      </c>
      <c r="D73" s="24" t="s">
        <v>101</v>
      </c>
    </row>
    <row r="74" spans="1:11" ht="20.100000000000001" customHeight="1" x14ac:dyDescent="0.4">
      <c r="C74" s="62" t="s">
        <v>7</v>
      </c>
      <c r="D74" s="24" t="s">
        <v>102</v>
      </c>
    </row>
    <row r="75" spans="1:11" ht="20.100000000000001" customHeight="1" x14ac:dyDescent="0.4">
      <c r="B75" s="23"/>
      <c r="C75" s="62" t="s">
        <v>8</v>
      </c>
      <c r="D75" s="24" t="s">
        <v>101</v>
      </c>
    </row>
    <row r="76" spans="1:11" ht="20.100000000000001" customHeight="1" x14ac:dyDescent="0.4">
      <c r="B76" s="23"/>
      <c r="C76" s="62" t="s">
        <v>100</v>
      </c>
      <c r="D76" s="24" t="s">
        <v>102</v>
      </c>
    </row>
    <row r="77" spans="1:11" ht="20.100000000000001" customHeight="1" x14ac:dyDescent="0.4">
      <c r="B77" s="23"/>
      <c r="C77" s="62" t="s">
        <v>9</v>
      </c>
      <c r="D77" s="24" t="s">
        <v>102</v>
      </c>
    </row>
    <row r="78" spans="1:11" ht="20.100000000000001" customHeight="1" x14ac:dyDescent="0.4">
      <c r="B78" s="23"/>
      <c r="C78" s="62" t="s">
        <v>10</v>
      </c>
      <c r="D78" s="24" t="s">
        <v>101</v>
      </c>
    </row>
    <row r="79" spans="1:11" ht="20.100000000000001" customHeight="1" x14ac:dyDescent="0.4">
      <c r="C79" s="62" t="s">
        <v>11</v>
      </c>
      <c r="D79" s="24" t="s">
        <v>101</v>
      </c>
    </row>
    <row r="80" spans="1:11" ht="20.100000000000001" customHeight="1" x14ac:dyDescent="0.4">
      <c r="C80" s="62" t="s">
        <v>12</v>
      </c>
      <c r="D80" s="24" t="s">
        <v>101</v>
      </c>
    </row>
    <row r="81" spans="3:4" ht="20.100000000000001" customHeight="1" x14ac:dyDescent="0.4">
      <c r="C81" s="62" t="s">
        <v>13</v>
      </c>
      <c r="D81" s="24" t="s">
        <v>101</v>
      </c>
    </row>
    <row r="82" spans="3:4" ht="20.100000000000001" customHeight="1" x14ac:dyDescent="0.4">
      <c r="C82" s="62" t="s">
        <v>14</v>
      </c>
      <c r="D82" s="24" t="s">
        <v>101</v>
      </c>
    </row>
    <row r="83" spans="3:4" ht="20.100000000000001" customHeight="1" x14ac:dyDescent="0.4">
      <c r="C83" s="62" t="s">
        <v>92</v>
      </c>
      <c r="D83" s="24" t="s">
        <v>101</v>
      </c>
    </row>
    <row r="84" spans="3:4" ht="20.100000000000001" customHeight="1" x14ac:dyDescent="0.4">
      <c r="C84" s="62" t="s">
        <v>15</v>
      </c>
      <c r="D84" s="24" t="s">
        <v>103</v>
      </c>
    </row>
    <row r="85" spans="3:4" ht="20.100000000000001" customHeight="1" x14ac:dyDescent="0.4">
      <c r="C85" s="62" t="s">
        <v>16</v>
      </c>
      <c r="D85" s="24" t="s">
        <v>104</v>
      </c>
    </row>
    <row r="86" spans="3:4" ht="20.100000000000001" customHeight="1" x14ac:dyDescent="0.4">
      <c r="C86" s="62" t="s">
        <v>17</v>
      </c>
      <c r="D86" s="24" t="s">
        <v>103</v>
      </c>
    </row>
    <row r="87" spans="3:4" ht="20.100000000000001" customHeight="1" x14ac:dyDescent="0.4">
      <c r="C87" s="62" t="s">
        <v>88</v>
      </c>
      <c r="D87" s="24" t="s">
        <v>102</v>
      </c>
    </row>
  </sheetData>
  <sheetProtection algorithmName="SHA-512" hashValue="g/VkD1kbx9MMjgYMjFGJ+Qg5KV7hIFldKPMNkSMFasiDSMfz48j3QNJ5hvl4Bq+6mDqhAzDh/SGURcenJnqOQg==" saltValue="rAQI3dFMHNZdp8GLKNrq9g==" spinCount="100000" sheet="1" objects="1" scenarios="1" selectLockedCells="1"/>
  <mergeCells count="58">
    <mergeCell ref="H45:I45"/>
    <mergeCell ref="H46:I46"/>
    <mergeCell ref="I6:K6"/>
    <mergeCell ref="I7:K7"/>
    <mergeCell ref="I8:K8"/>
    <mergeCell ref="I9:K9"/>
    <mergeCell ref="I10:K10"/>
    <mergeCell ref="G36:I38"/>
    <mergeCell ref="G30:I30"/>
    <mergeCell ref="G31:I31"/>
    <mergeCell ref="G32:I32"/>
    <mergeCell ref="G33:I33"/>
    <mergeCell ref="F39:I39"/>
    <mergeCell ref="F40:I40"/>
    <mergeCell ref="G43:I43"/>
    <mergeCell ref="E22:F22"/>
    <mergeCell ref="G44:I44"/>
    <mergeCell ref="C22:C23"/>
    <mergeCell ref="E43:F43"/>
    <mergeCell ref="E44:F44"/>
    <mergeCell ref="C27:D28"/>
    <mergeCell ref="I2:J2"/>
    <mergeCell ref="H19:I20"/>
    <mergeCell ref="H21:I21"/>
    <mergeCell ref="H22:I23"/>
    <mergeCell ref="H24:I24"/>
    <mergeCell ref="C4:I4"/>
    <mergeCell ref="G22:G23"/>
    <mergeCell ref="E19:G19"/>
    <mergeCell ref="H17:I17"/>
    <mergeCell ref="H18:I18"/>
    <mergeCell ref="C15:C16"/>
    <mergeCell ref="C2:D2"/>
    <mergeCell ref="C19:C20"/>
    <mergeCell ref="D22:D23"/>
    <mergeCell ref="D19:D20"/>
    <mergeCell ref="C46:D46"/>
    <mergeCell ref="C43:D43"/>
    <mergeCell ref="C30:D30"/>
    <mergeCell ref="C31:D31"/>
    <mergeCell ref="C32:D32"/>
    <mergeCell ref="C33:D33"/>
    <mergeCell ref="C59:C61"/>
    <mergeCell ref="D59:E61"/>
    <mergeCell ref="F59:G61"/>
    <mergeCell ref="E30:F30"/>
    <mergeCell ref="E31:F31"/>
    <mergeCell ref="C36:D36"/>
    <mergeCell ref="E36:F37"/>
    <mergeCell ref="E38:F38"/>
    <mergeCell ref="C39:D39"/>
    <mergeCell ref="C40:D40"/>
    <mergeCell ref="C47:D47"/>
    <mergeCell ref="E47:F47"/>
    <mergeCell ref="E45:G45"/>
    <mergeCell ref="E46:G46"/>
    <mergeCell ref="C45:D45"/>
    <mergeCell ref="C44:D44"/>
  </mergeCells>
  <phoneticPr fontId="1"/>
  <conditionalFormatting sqref="C2 I6:I10">
    <cfRule type="expression" dxfId="43" priority="76">
      <formula>C2=""</formula>
    </cfRule>
    <cfRule type="expression" priority="77">
      <formula>$B$2=""</formula>
    </cfRule>
  </conditionalFormatting>
  <conditionalFormatting sqref="D18">
    <cfRule type="expression" dxfId="42" priority="67">
      <formula>D18=""</formula>
    </cfRule>
  </conditionalFormatting>
  <conditionalFormatting sqref="E18">
    <cfRule type="expression" dxfId="41" priority="66">
      <formula>E18=""</formula>
    </cfRule>
  </conditionalFormatting>
  <conditionalFormatting sqref="F18">
    <cfRule type="expression" dxfId="40" priority="65">
      <formula>F18=""</formula>
    </cfRule>
  </conditionalFormatting>
  <conditionalFormatting sqref="G18">
    <cfRule type="expression" dxfId="39" priority="64">
      <formula>G18=""</formula>
    </cfRule>
  </conditionalFormatting>
  <conditionalFormatting sqref="C18">
    <cfRule type="expression" dxfId="38" priority="63">
      <formula>C18=""</formula>
    </cfRule>
  </conditionalFormatting>
  <conditionalFormatting sqref="H18">
    <cfRule type="expression" dxfId="37" priority="62">
      <formula>H18=""</formula>
    </cfRule>
  </conditionalFormatting>
  <conditionalFormatting sqref="C21">
    <cfRule type="expression" dxfId="36" priority="61">
      <formula>C21=""</formula>
    </cfRule>
  </conditionalFormatting>
  <conditionalFormatting sqref="D21">
    <cfRule type="expression" dxfId="35" priority="60">
      <formula>D21=""</formula>
    </cfRule>
  </conditionalFormatting>
  <conditionalFormatting sqref="E21:G21">
    <cfRule type="expression" dxfId="34" priority="56">
      <formula>E21=""</formula>
    </cfRule>
  </conditionalFormatting>
  <conditionalFormatting sqref="C24">
    <cfRule type="expression" dxfId="33" priority="55">
      <formula>C24=""</formula>
    </cfRule>
  </conditionalFormatting>
  <conditionalFormatting sqref="D24">
    <cfRule type="expression" dxfId="32" priority="54">
      <formula>D24=""</formula>
    </cfRule>
  </conditionalFormatting>
  <conditionalFormatting sqref="H24">
    <cfRule type="expression" dxfId="31" priority="53">
      <formula>H24=""</formula>
    </cfRule>
  </conditionalFormatting>
  <conditionalFormatting sqref="E31:F31">
    <cfRule type="expression" dxfId="30" priority="52">
      <formula>E31=""</formula>
    </cfRule>
  </conditionalFormatting>
  <conditionalFormatting sqref="G31">
    <cfRule type="expression" dxfId="29" priority="51">
      <formula>G31=""</formula>
    </cfRule>
  </conditionalFormatting>
  <conditionalFormatting sqref="C31:D31">
    <cfRule type="expression" dxfId="28" priority="50">
      <formula>C31=""</formula>
    </cfRule>
  </conditionalFormatting>
  <conditionalFormatting sqref="C33:D33">
    <cfRule type="expression" dxfId="27" priority="49">
      <formula>C33=""</formula>
    </cfRule>
  </conditionalFormatting>
  <conditionalFormatting sqref="G33">
    <cfRule type="expression" dxfId="26" priority="48">
      <formula>G33=""</formula>
    </cfRule>
  </conditionalFormatting>
  <conditionalFormatting sqref="E33">
    <cfRule type="expression" dxfId="25" priority="47">
      <formula>E33=""</formula>
    </cfRule>
  </conditionalFormatting>
  <conditionalFormatting sqref="F33">
    <cfRule type="expression" dxfId="24" priority="46">
      <formula>F33=""</formula>
    </cfRule>
  </conditionalFormatting>
  <conditionalFormatting sqref="E40">
    <cfRule type="expression" dxfId="23" priority="45">
      <formula>E40=""</formula>
    </cfRule>
  </conditionalFormatting>
  <conditionalFormatting sqref="E38:F38">
    <cfRule type="expression" dxfId="22" priority="42">
      <formula>E38=""</formula>
    </cfRule>
  </conditionalFormatting>
  <conditionalFormatting sqref="C40:D40">
    <cfRule type="expression" dxfId="21" priority="41">
      <formula>C40=""</formula>
    </cfRule>
  </conditionalFormatting>
  <conditionalFormatting sqref="F40">
    <cfRule type="expression" dxfId="20" priority="40">
      <formula>F40=""</formula>
    </cfRule>
  </conditionalFormatting>
  <conditionalFormatting sqref="C44:D44">
    <cfRule type="expression" dxfId="19" priority="39">
      <formula>C44=""</formula>
    </cfRule>
  </conditionalFormatting>
  <conditionalFormatting sqref="E44:F44">
    <cfRule type="expression" dxfId="18" priority="3">
      <formula>$C$44="原産"</formula>
    </cfRule>
    <cfRule type="expression" dxfId="17" priority="38">
      <formula>AND($C$44="非原産",E44="")</formula>
    </cfRule>
  </conditionalFormatting>
  <conditionalFormatting sqref="C46:D46">
    <cfRule type="expression" dxfId="16" priority="36">
      <formula>C46=""</formula>
    </cfRule>
  </conditionalFormatting>
  <conditionalFormatting sqref="C49">
    <cfRule type="expression" dxfId="15" priority="23">
      <formula>AND($D$24="同意通知",C49="",$C$44="原産")</formula>
    </cfRule>
    <cfRule type="expression" dxfId="14" priority="24">
      <formula>OR($D$24="サプライヤー証明書",$C$44="非原産")</formula>
    </cfRule>
  </conditionalFormatting>
  <conditionalFormatting sqref="D49">
    <cfRule type="expression" dxfId="13" priority="17">
      <formula>AND($D$24="同意通知",D49="",$C$44="原産")</formula>
    </cfRule>
    <cfRule type="expression" dxfId="12" priority="18">
      <formula>OR($D$24="サプライヤー証明書",$C$44="非原産")</formula>
    </cfRule>
  </conditionalFormatting>
  <conditionalFormatting sqref="E49:F49">
    <cfRule type="expression" dxfId="11" priority="15">
      <formula>AND($D$24="サプライヤー証明書",E49="",$C$44="原産")</formula>
    </cfRule>
    <cfRule type="expression" dxfId="10" priority="16">
      <formula>OR($D$24="同意通知",$C$44="非原産")</formula>
    </cfRule>
  </conditionalFormatting>
  <conditionalFormatting sqref="E24">
    <cfRule type="expression" dxfId="9" priority="13">
      <formula>$D$24="サプライヤー証明書"</formula>
    </cfRule>
    <cfRule type="expression" dxfId="8" priority="14">
      <formula>AND($D$24="同意通知",$E$24="")</formula>
    </cfRule>
  </conditionalFormatting>
  <conditionalFormatting sqref="F24">
    <cfRule type="expression" dxfId="7" priority="11">
      <formula>$D$24="サプライヤー証明書"</formula>
    </cfRule>
    <cfRule type="expression" dxfId="6" priority="12">
      <formula>AND($D$24="同意通知",$F$24="")</formula>
    </cfRule>
  </conditionalFormatting>
  <conditionalFormatting sqref="D13 F13">
    <cfRule type="expression" dxfId="5" priority="9">
      <formula>D13=""</formula>
    </cfRule>
    <cfRule type="expression" priority="10">
      <formula>$B$2=""</formula>
    </cfRule>
  </conditionalFormatting>
  <conditionalFormatting sqref="E13">
    <cfRule type="expression" dxfId="4" priority="7">
      <formula>E13=""</formula>
    </cfRule>
    <cfRule type="expression" priority="8">
      <formula>$B$2=""</formula>
    </cfRule>
  </conditionalFormatting>
  <conditionalFormatting sqref="G13">
    <cfRule type="expression" dxfId="3" priority="5">
      <formula>G13=""</formula>
    </cfRule>
    <cfRule type="expression" priority="6">
      <formula>$B$2=""</formula>
    </cfRule>
  </conditionalFormatting>
  <conditionalFormatting sqref="G44">
    <cfRule type="expression" dxfId="2" priority="4">
      <formula>AND($E$44="その他（備考に記入）",$G$44="")</formula>
    </cfRule>
  </conditionalFormatting>
  <conditionalFormatting sqref="I2:J2">
    <cfRule type="expression" dxfId="1" priority="1">
      <formula>$I$2="原産"</formula>
    </cfRule>
    <cfRule type="expression" dxfId="0" priority="2">
      <formula>$I$2="-"</formula>
    </cfRule>
  </conditionalFormatting>
  <dataValidations count="12">
    <dataValidation type="list" allowBlank="1" showInputMessage="1" showErrorMessage="1" sqref="C24" xr:uid="{A85D67F9-27DC-4E00-9C1F-E98C78481CD1}">
      <formula1>"輸出品,構成品"</formula1>
    </dataValidation>
    <dataValidation type="list" allowBlank="1" showInputMessage="1" showErrorMessage="1" sqref="H18" xr:uid="{99AEE925-669C-4DF1-8DFE-03605C0D0A14}">
      <formula1>"有り,無し"</formula1>
    </dataValidation>
    <dataValidation type="list" allowBlank="1" showInputMessage="1" showErrorMessage="1" sqref="C18" xr:uid="{EF5496F3-AADB-494B-A158-4E6872D2055B}">
      <formula1>"新規,定期原産性維持確認,再依頼"</formula1>
    </dataValidation>
    <dataValidation type="list" allowBlank="1" showInputMessage="1" showErrorMessage="1" sqref="D24" xr:uid="{5D1FFBAF-023E-48F5-B09B-86CD34D722CD}">
      <formula1>INDIRECT(C24)</formula1>
    </dataValidation>
    <dataValidation type="list" allowBlank="1" showInputMessage="1" showErrorMessage="1" sqref="E21" xr:uid="{89884296-074D-43A5-842F-A7E64A4118A2}">
      <formula1>"-,CC(上2桁変更),CTH(上4桁変更),CTSH(上6桁変更)"</formula1>
    </dataValidation>
    <dataValidation type="list" allowBlank="1" showInputMessage="1" showErrorMessage="1" sqref="F21" xr:uid="{98E61025-348E-4C7A-A749-48E5712FAF33}">
      <formula1>"-,and,or"</formula1>
    </dataValidation>
    <dataValidation type="list" allowBlank="1" showInputMessage="1" showErrorMessage="1" sqref="G21" xr:uid="{634B320D-72E5-458A-9270-B5EAAC33706F}">
      <formula1>"-,VA35%以上,VA40%以上,VA45%以上,VA50%以上,VA55%以上,VA60%以上,VA65%以上,MaxNOM35%以下（EU）,MaxNOM40%以下（EU）,MaxNOM45%以下（EU）,MaxNOM50%以下（EU）,MaxNOM55%以下（EU）,MaxNOM60%以下（EU）,MaxNOM70%以下（EU）,その他（備考に記入）"</formula1>
    </dataValidation>
    <dataValidation type="list" allowBlank="1" showInputMessage="1" showErrorMessage="1" sqref="C46:D46" xr:uid="{27326753-85DC-4D39-93FC-AF339E8BF616}">
      <formula1>"CC(上2桁変更),CTH(上4桁変更),CTSH(上6桁変更),VA35%以上,VA40%以上,VA45%以上,VA50%以上,VA55%以上,VA60%以上,VA65%以上,MaxNOM35%以下（EU）,MaxNOM40%以下（EU）,MaxNOM45%以下（EU）,MaxNOM50%以下（EU）,MaxNOM55%以下（EU）,MaxNOM60%以下（EU）,MaxNOM70%以下（EU）,CTSH&amp;VA35%以上,CTH＆VA35％以上,CTH&amp;VA40%以上,その他（備考に記入）"</formula1>
    </dataValidation>
    <dataValidation type="list" allowBlank="1" showInputMessage="1" showErrorMessage="1" sqref="C44:D44" xr:uid="{C9D6A091-99F3-450C-A575-F7D69B526D29}">
      <formula1>"原産,非原産"</formula1>
    </dataValidation>
    <dataValidation type="list" allowBlank="1" showInputMessage="1" showErrorMessage="1" sqref="E44:F44" xr:uid="{926B7E16-9A8A-487B-AD32-AA33DADEF0F7}">
      <formula1>"日本で生産していないから,品目別原産地規則を満たさなかったから,その他（備考に記入）"</formula1>
    </dataValidation>
    <dataValidation type="list" allowBlank="1" showInputMessage="1" showErrorMessage="1" sqref="C21" xr:uid="{9DAF9797-88FC-49EF-87E0-0A758996D31F}">
      <formula1>$C$68:$C$87</formula1>
    </dataValidation>
    <dataValidation type="textLength" operator="equal" allowBlank="1" showInputMessage="1" showErrorMessage="1" error="数字6桁で入力してください。（カンマ等は含めない）" sqref="G18 E38:F38" xr:uid="{793F11D0-D6A6-42CE-8138-10D89101DC4A}">
      <formula1>6</formula1>
    </dataValidation>
  </dataValidations>
  <printOptions horizontalCentered="1"/>
  <pageMargins left="0.39370078740157483" right="0.39370078740157483" top="0.39370078740157483" bottom="0.19685039370078741" header="0" footer="0"/>
  <pageSetup paperSize="9" scale="58"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45D22AA9A72E2744B11B0F645647F6FF" ma:contentTypeVersion="4" ma:contentTypeDescription="新しいドキュメントを作成します。" ma:contentTypeScope="" ma:versionID="77779ea84609c55ee2fbbefa6a778195">
  <xsd:schema xmlns:xsd="http://www.w3.org/2001/XMLSchema" xmlns:xs="http://www.w3.org/2001/XMLSchema" xmlns:p="http://schemas.microsoft.com/office/2006/metadata/properties" xmlns:ns2="9f638e9b-eb03-4536-8e11-24e8aa47d23b" xmlns:ns3="30b50e4e-c1a7-4cc4-8bb0-f35ccba1b201" targetNamespace="http://schemas.microsoft.com/office/2006/metadata/properties" ma:root="true" ma:fieldsID="60618208f5586c8ffdd7944db5f8ae46" ns2:_="" ns3:_="">
    <xsd:import namespace="9f638e9b-eb03-4536-8e11-24e8aa47d23b"/>
    <xsd:import namespace="30b50e4e-c1a7-4cc4-8bb0-f35ccba1b20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f638e9b-eb03-4536-8e11-24e8aa47d23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0b50e4e-c1a7-4cc4-8bb0-f35ccba1b201"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6A72F72D-CA0F-4E51-A391-56C8B03E5C2A}">
  <ds:schemaRefs>
    <ds:schemaRef ds:uri="http://schemas.microsoft.com/sharepoint/v3/contenttype/forms"/>
  </ds:schemaRefs>
</ds:datastoreItem>
</file>

<file path=customXml/itemProps2.xml><?xml version="1.0" encoding="utf-8"?>
<ds:datastoreItem xmlns:ds="http://schemas.openxmlformats.org/officeDocument/2006/customXml" ds:itemID="{AAA260FF-A869-4CD1-BDC2-D779C466174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f638e9b-eb03-4536-8e11-24e8aa47d23b"/>
    <ds:schemaRef ds:uri="30b50e4e-c1a7-4cc4-8bb0-f35ccba1b20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ACC9228-35A7-4002-9620-80139432AE1A}">
  <ds:schemaRefs>
    <ds:schemaRef ds:uri="http://schemas.microsoft.com/office/infopath/2007/PartnerControls"/>
    <ds:schemaRef ds:uri="http://www.w3.org/XML/1998/namespace"/>
    <ds:schemaRef ds:uri="http://purl.org/dc/elements/1.1/"/>
    <ds:schemaRef ds:uri="9f638e9b-eb03-4536-8e11-24e8aa47d23b"/>
    <ds:schemaRef ds:uri="http://schemas.openxmlformats.org/package/2006/metadata/core-properties"/>
    <ds:schemaRef ds:uri="http://schemas.microsoft.com/office/2006/metadata/properties"/>
    <ds:schemaRef ds:uri="30b50e4e-c1a7-4cc4-8bb0-f35ccba1b201"/>
    <ds:schemaRef ds:uri="http://schemas.microsoft.com/office/2006/documentManagement/types"/>
    <ds:schemaRef ds:uri="http://purl.org/dc/dcmitype/"/>
    <ds:schemaRef ds:uri="http://purl.org/dc/te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3</vt:i4>
      </vt:variant>
    </vt:vector>
  </HeadingPairs>
  <TitlesOfParts>
    <vt:vector size="4" baseType="lpstr">
      <vt:lpstr>依頼書 </vt:lpstr>
      <vt:lpstr>'依頼書 '!Print_Area</vt:lpstr>
      <vt:lpstr>構成品</vt:lpstr>
      <vt:lpstr>輸出品</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入江 知佳</dc:creator>
  <cp:keywords/>
  <dc:description/>
  <cp:lastModifiedBy>入江 知佳</cp:lastModifiedBy>
  <cp:revision/>
  <cp:lastPrinted>2022-09-06T04:38:58Z</cp:lastPrinted>
  <dcterms:created xsi:type="dcterms:W3CDTF">2021-01-27T03:00:22Z</dcterms:created>
  <dcterms:modified xsi:type="dcterms:W3CDTF">2023-07-25T06:40:43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5D22AA9A72E2744B11B0F645647F6FF</vt:lpwstr>
  </property>
</Properties>
</file>